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4001\04_教育ビジョン・広報グループ\08_広報\04_ホームページ\03_公立学校名簿\06_施行（HP更新）\更新用データgakkoumeibo（zip圧縮のちファイル交換）\"/>
    </mc:Choice>
  </mc:AlternateContent>
  <bookViews>
    <workbookView xWindow="0" yWindow="0" windowWidth="20500" windowHeight="7560"/>
  </bookViews>
  <sheets>
    <sheet name="小学校（川崎市）" sheetId="1" r:id="rId1"/>
  </sheets>
  <definedNames>
    <definedName name="_xlnm.Print_Area" localSheetId="0">'小学校（川崎市）'!$A$1:$I$118</definedName>
    <definedName name="_xlnm.Print_Titles" localSheetId="0">'小学校（川崎市）'!$4:$4</definedName>
  </definedNames>
  <calcPr calcId="125725"/>
</workbook>
</file>

<file path=xl/sharedStrings.xml><?xml version="1.0" encoding="utf-8"?>
<sst xmlns="http://schemas.openxmlformats.org/spreadsheetml/2006/main" count="709" uniqueCount="584">
  <si>
    <t>（本校14校）</t>
    <rPh sb="1" eb="3">
      <t>ホンコウ</t>
    </rPh>
    <rPh sb="5" eb="6">
      <t>コウ</t>
    </rPh>
    <phoneticPr fontId="1"/>
  </si>
  <si>
    <t>川崎市</t>
    <rPh sb="0" eb="3">
      <t>カワサキシ</t>
    </rPh>
    <phoneticPr fontId="1"/>
  </si>
  <si>
    <t>川崎区</t>
    <rPh sb="0" eb="2">
      <t>カワサキ</t>
    </rPh>
    <rPh sb="2" eb="3">
      <t>ク</t>
    </rPh>
    <phoneticPr fontId="1"/>
  </si>
  <si>
    <t>川崎市立殿町小学校</t>
  </si>
  <si>
    <t>210-0821</t>
  </si>
  <si>
    <t>川崎市川崎区殿町1-17-19</t>
  </si>
  <si>
    <t>-</t>
    <phoneticPr fontId="1"/>
  </si>
  <si>
    <t>川崎市立四谷小学校</t>
  </si>
  <si>
    <t>210-0827</t>
  </si>
  <si>
    <t>川崎市川崎区四谷下町4-1</t>
  </si>
  <si>
    <t>川崎市立東門前小学校</t>
  </si>
  <si>
    <t>210-0812</t>
  </si>
  <si>
    <t>川崎市立大師小学校</t>
  </si>
  <si>
    <t>川崎市立川中島小学校</t>
  </si>
  <si>
    <t>210-0803</t>
  </si>
  <si>
    <t>川崎市立藤崎小学校</t>
  </si>
  <si>
    <t>210-0804</t>
  </si>
  <si>
    <t>川崎市川崎区藤崎3-2-1</t>
  </si>
  <si>
    <t>川崎市立大島小学校</t>
  </si>
  <si>
    <t>210-0851</t>
  </si>
  <si>
    <t>川崎市川崎区浜町1-5-1</t>
  </si>
  <si>
    <t>川崎市立渡田小学校</t>
  </si>
  <si>
    <t>210-0853</t>
  </si>
  <si>
    <t>川崎市川崎区田島町14-1</t>
  </si>
  <si>
    <t>川崎市立東小田小学校</t>
  </si>
  <si>
    <t>210-0846</t>
  </si>
  <si>
    <t>川崎市川崎区小田5-11-20</t>
  </si>
  <si>
    <t>川崎市立小田小学校</t>
  </si>
  <si>
    <t>川崎市川崎区小田4-12-24</t>
  </si>
  <si>
    <t>川崎市立浅田小学校</t>
  </si>
  <si>
    <t>210-0847</t>
  </si>
  <si>
    <t>川崎市川崎区浅田2-11-21</t>
  </si>
  <si>
    <t>川崎市立東大島小学校</t>
  </si>
  <si>
    <t>210-0834</t>
  </si>
  <si>
    <t>川崎市川崎区大島5-25-1</t>
  </si>
  <si>
    <t>川崎市立向小学校</t>
  </si>
  <si>
    <t>川崎市川崎区大島4-17-1</t>
  </si>
  <si>
    <t>川崎市立田島小学校</t>
  </si>
  <si>
    <t>210-0837</t>
  </si>
  <si>
    <t>川崎市川崎区渡田1-20-1</t>
  </si>
  <si>
    <t>川崎市立新町小学校</t>
  </si>
  <si>
    <t>210-0844</t>
  </si>
  <si>
    <t>川崎市川崎区渡田新町3-15-1</t>
  </si>
  <si>
    <t>川崎市立旭町小学校</t>
  </si>
  <si>
    <t>210-0808</t>
  </si>
  <si>
    <t>川崎市川崎区旭町2-2-1</t>
  </si>
  <si>
    <t>川崎市立宮前小学校</t>
  </si>
  <si>
    <t>210-0012</t>
  </si>
  <si>
    <t>川崎市川崎区宮前町8-13</t>
  </si>
  <si>
    <t>川崎市立川崎小学校</t>
  </si>
  <si>
    <t>210-0024</t>
  </si>
  <si>
    <t>川崎市川崎区日進町20-1</t>
  </si>
  <si>
    <t>川崎市立京町小学校</t>
  </si>
  <si>
    <t>210-0848</t>
  </si>
  <si>
    <t>川崎市川崎区京町1-1-4</t>
  </si>
  <si>
    <t>幸区</t>
    <rPh sb="0" eb="2">
      <t>サイワイク</t>
    </rPh>
    <phoneticPr fontId="1"/>
  </si>
  <si>
    <t>川崎市立幸町小学校</t>
  </si>
  <si>
    <t>212-0012</t>
  </si>
  <si>
    <t>川崎市幸区中幸町2-17</t>
  </si>
  <si>
    <t>（本校13校）</t>
    <rPh sb="1" eb="3">
      <t>ホンコウ</t>
    </rPh>
    <rPh sb="5" eb="6">
      <t>コウ</t>
    </rPh>
    <phoneticPr fontId="1"/>
  </si>
  <si>
    <t>川崎市立南河原小学校</t>
  </si>
  <si>
    <t>212-0021</t>
  </si>
  <si>
    <t>川崎市幸区都町18</t>
  </si>
  <si>
    <t>川崎市立御幸小学校</t>
  </si>
  <si>
    <t>212-0006</t>
  </si>
  <si>
    <t>川崎市幸区遠藤町1</t>
  </si>
  <si>
    <t>川崎市立西御幸小学校</t>
  </si>
  <si>
    <t>212-0004</t>
  </si>
  <si>
    <t>川崎市幸区小向西町4-30</t>
  </si>
  <si>
    <t>川崎市立戸手小学校</t>
  </si>
  <si>
    <t>212-0023</t>
  </si>
  <si>
    <t>川崎市幸区戸手本町1-165</t>
  </si>
  <si>
    <t>川崎市立古川小学校</t>
  </si>
  <si>
    <t>212-0025</t>
  </si>
  <si>
    <t>川崎市幸区古川町70</t>
  </si>
  <si>
    <t>川崎市立東小倉小学校</t>
  </si>
  <si>
    <t>川崎市幸区東小倉1-1</t>
  </si>
  <si>
    <t>川崎市立下平間小学校</t>
  </si>
  <si>
    <t>212-0053</t>
  </si>
  <si>
    <t>川崎市幸区下平間175</t>
  </si>
  <si>
    <t>川崎市立古市場小学校</t>
  </si>
  <si>
    <t>212-0052</t>
  </si>
  <si>
    <t>川崎市幸区古市場1-1</t>
  </si>
  <si>
    <t>川崎市立日吉小学校</t>
  </si>
  <si>
    <t>212-0057</t>
  </si>
  <si>
    <t>川崎市幸区北加瀬1-37-1</t>
  </si>
  <si>
    <t>川崎市立小倉小学校</t>
  </si>
  <si>
    <t>212-0054</t>
  </si>
  <si>
    <t>川崎市立南加瀬小学校</t>
  </si>
  <si>
    <t>212-0055</t>
  </si>
  <si>
    <t>川崎市幸区南加瀬4-24-1</t>
  </si>
  <si>
    <t>川崎市立夢見ヶ崎小学校</t>
  </si>
  <si>
    <t>川崎市幸区南加瀬2-13-1</t>
  </si>
  <si>
    <t>中原区</t>
    <rPh sb="0" eb="3">
      <t>ナカハラク</t>
    </rPh>
    <phoneticPr fontId="1"/>
  </si>
  <si>
    <t>川崎市立下河原小学校</t>
  </si>
  <si>
    <t>211-0013</t>
  </si>
  <si>
    <t>川崎市中原区上平間585</t>
  </si>
  <si>
    <t>川崎市立平間小学校</t>
  </si>
  <si>
    <t>川崎市中原区上平間1480</t>
  </si>
  <si>
    <t>川崎市立玉川小学校</t>
  </si>
  <si>
    <t>211-0015</t>
  </si>
  <si>
    <t>川崎市中原区北谷町32</t>
  </si>
  <si>
    <t>川崎市立下沼部小学校</t>
  </si>
  <si>
    <t>211-0011</t>
  </si>
  <si>
    <t>川崎市中原区下沼部1955</t>
  </si>
  <si>
    <t>川崎市立苅宿小学校</t>
  </si>
  <si>
    <t>211-0022</t>
  </si>
  <si>
    <t>川崎市立木月小学校</t>
  </si>
  <si>
    <t>211-0025</t>
  </si>
  <si>
    <t>川崎市中原区木月4-53-1</t>
  </si>
  <si>
    <t>川崎市立東住吉小学校</t>
  </si>
  <si>
    <t>川崎市立住吉小学校</t>
  </si>
  <si>
    <t>211-0033</t>
  </si>
  <si>
    <t>川崎市中原区木月祇園町17-1</t>
  </si>
  <si>
    <t>川崎市立井田小学校</t>
  </si>
  <si>
    <t>211-0034</t>
  </si>
  <si>
    <t>川崎市中原区井田中ノ町29-1</t>
  </si>
  <si>
    <t>川崎市立今井小学校</t>
  </si>
  <si>
    <t>211-0066</t>
  </si>
  <si>
    <t>川崎市立上丸子小学校</t>
  </si>
  <si>
    <t>211-0001</t>
  </si>
  <si>
    <t>川崎市中原区上丸子八幡町815</t>
  </si>
  <si>
    <t>川崎市立西丸子小学校</t>
  </si>
  <si>
    <t>211-0062</t>
  </si>
  <si>
    <t>川崎市中原区小杉陣屋町2-19-1</t>
  </si>
  <si>
    <t>川崎市立中原小学校</t>
  </si>
  <si>
    <t>211-0068</t>
  </si>
  <si>
    <t>川崎市中原区小杉御殿町1-950</t>
  </si>
  <si>
    <t>川崎市立宮内小学校</t>
  </si>
  <si>
    <t>211-0051</t>
  </si>
  <si>
    <t>川崎市中原区宮内2-4-1</t>
  </si>
  <si>
    <t>川崎市立大戸小学校</t>
  </si>
  <si>
    <t>211-0041</t>
  </si>
  <si>
    <t>川崎市中原区下小田中1-4-1</t>
  </si>
  <si>
    <t>川崎市立下小田中小学校</t>
  </si>
  <si>
    <t>川崎市中原区下小田中3-35-1</t>
  </si>
  <si>
    <t>川崎市立新城小学校</t>
  </si>
  <si>
    <t>211-0042</t>
  </si>
  <si>
    <t>川崎市中原区下新城1-15-1</t>
  </si>
  <si>
    <t>川崎市立大谷戸小学校</t>
  </si>
  <si>
    <t>211-0053</t>
  </si>
  <si>
    <t>川崎市中原区上小田中1-27-1</t>
  </si>
  <si>
    <t>高津区</t>
    <rPh sb="0" eb="3">
      <t>タカツク</t>
    </rPh>
    <phoneticPr fontId="1"/>
  </si>
  <si>
    <t>川崎市立子母口小学校</t>
  </si>
  <si>
    <t>213-0023</t>
  </si>
  <si>
    <t>川崎市高津区子母口730</t>
  </si>
  <si>
    <t>（本校15校）</t>
    <rPh sb="1" eb="3">
      <t>ホンコウ</t>
    </rPh>
    <rPh sb="5" eb="6">
      <t>コウ</t>
    </rPh>
    <phoneticPr fontId="1"/>
  </si>
  <si>
    <t>川崎市立橘小学校</t>
  </si>
  <si>
    <t>213-0022</t>
  </si>
  <si>
    <t>川崎市高津区千年1024</t>
  </si>
  <si>
    <t>川崎市立末長小学校</t>
  </si>
  <si>
    <t>213-0013</t>
  </si>
  <si>
    <t>川崎市立新作小学校</t>
  </si>
  <si>
    <t>213-0014</t>
  </si>
  <si>
    <t>川崎市高津区新作1-9-1</t>
  </si>
  <si>
    <t>川崎市立東高津小学校</t>
  </si>
  <si>
    <t>ひがしたかつ</t>
    <phoneticPr fontId="1"/>
  </si>
  <si>
    <t>213-0005</t>
  </si>
  <si>
    <t>川崎市高津区北見方2-5-1</t>
  </si>
  <si>
    <t>川崎市立坂戸小学校</t>
  </si>
  <si>
    <t>213-0012</t>
  </si>
  <si>
    <t>川崎市高津区坂戸1-18-1</t>
  </si>
  <si>
    <t>川崎市立久本小学校</t>
  </si>
  <si>
    <t>213-0011</t>
  </si>
  <si>
    <t>川崎市高津区久本3-11-3</t>
  </si>
  <si>
    <t>川崎市立下作延小学校</t>
  </si>
  <si>
    <t>213-0033</t>
  </si>
  <si>
    <t>川崎市立高津小学校</t>
  </si>
  <si>
    <t>213-0001</t>
  </si>
  <si>
    <t>川崎市高津区溝口4-19-1</t>
  </si>
  <si>
    <t>川崎市立梶ヶ谷小学校</t>
  </si>
  <si>
    <t>213-0015</t>
  </si>
  <si>
    <t>川崎市立西梶ヶ谷小学校</t>
  </si>
  <si>
    <t>川崎市立久末小学校</t>
  </si>
  <si>
    <t>ひさすえ</t>
    <phoneticPr fontId="1"/>
  </si>
  <si>
    <t>213-0026</t>
  </si>
  <si>
    <t>川崎市高津区久末647</t>
  </si>
  <si>
    <t>川崎市立上作延小学校</t>
  </si>
  <si>
    <t>213-0034</t>
  </si>
  <si>
    <t>川崎市立南原小学校</t>
  </si>
  <si>
    <t>川崎市立久地小学校</t>
  </si>
  <si>
    <t>213-0032</t>
  </si>
  <si>
    <t>川崎市高津区久地4-2-1</t>
  </si>
  <si>
    <t>宮前区</t>
    <rPh sb="0" eb="3">
      <t>ミヤマエク</t>
    </rPh>
    <phoneticPr fontId="1"/>
  </si>
  <si>
    <t>川崎市立野川小学校</t>
  </si>
  <si>
    <t>川崎市立西野川小学校</t>
  </si>
  <si>
    <t>川崎市立南野川小学校</t>
  </si>
  <si>
    <t>川崎市立宮崎小学校</t>
  </si>
  <si>
    <t>216-0035</t>
  </si>
  <si>
    <t>川崎市立鷺沼小学校</t>
  </si>
  <si>
    <t>216-0004</t>
  </si>
  <si>
    <t>川崎市宮前区鷺沼2-1</t>
  </si>
  <si>
    <t>川崎市立有馬小学校</t>
  </si>
  <si>
    <t>216-0002</t>
  </si>
  <si>
    <t>川崎市宮前区東有馬5-12-1</t>
  </si>
  <si>
    <t>川崎市立西有馬小学校</t>
  </si>
  <si>
    <t>216-0003</t>
  </si>
  <si>
    <t>川崎市宮前区有馬7-6-1</t>
  </si>
  <si>
    <t>川崎市立富士見台小学校</t>
  </si>
  <si>
    <t>216-0006</t>
  </si>
  <si>
    <t>川崎市宮前区宮前平2-18-3</t>
  </si>
  <si>
    <t>川崎市立宮前平小学校</t>
  </si>
  <si>
    <t>川崎市宮前区宮前平3-14-1</t>
  </si>
  <si>
    <t>川崎市立宮崎台小学校</t>
  </si>
  <si>
    <t>216-0033</t>
  </si>
  <si>
    <t>川崎市立向丘小学校</t>
  </si>
  <si>
    <t>216-0022</t>
  </si>
  <si>
    <t>川崎市宮前区平1-6-1</t>
  </si>
  <si>
    <t>川崎市立平小学校</t>
  </si>
  <si>
    <t>川崎市宮前区平6-5-1</t>
  </si>
  <si>
    <t>川崎市立白幡台小学校</t>
  </si>
  <si>
    <t>216-0024</t>
  </si>
  <si>
    <t>川崎市宮前区南平台13-1</t>
  </si>
  <si>
    <t>川崎市立菅生小学校</t>
  </si>
  <si>
    <t>216-0015</t>
  </si>
  <si>
    <t>川崎市宮前区菅生1-5-1</t>
  </si>
  <si>
    <t>川崎市立稗原小学校</t>
  </si>
  <si>
    <t>216-0012</t>
  </si>
  <si>
    <t>川崎市宮前区水沢3-7-1</t>
  </si>
  <si>
    <t>川崎市立犬蔵小学校</t>
  </si>
  <si>
    <t>川崎市宮前区犬蔵1-3-1</t>
  </si>
  <si>
    <t>川崎市立土橋小学校</t>
  </si>
  <si>
    <t>川崎市宮前区土橋3-1-11</t>
  </si>
  <si>
    <t>多摩区</t>
    <rPh sb="0" eb="3">
      <t>タマク</t>
    </rPh>
    <phoneticPr fontId="1"/>
  </si>
  <si>
    <t>川崎市立稲田小学校</t>
  </si>
  <si>
    <t>214-0021</t>
  </si>
  <si>
    <t>川崎市多摩区宿河原3-18-1</t>
  </si>
  <si>
    <t>川崎市立長尾小学校</t>
  </si>
  <si>
    <t>214-0023</t>
  </si>
  <si>
    <t>川崎市多摩区長尾7-28-1</t>
  </si>
  <si>
    <t>川崎市立宿河原小学校</t>
  </si>
  <si>
    <t>川崎市多摩区宿河原2-1-1</t>
  </si>
  <si>
    <t>川崎市立登戸小学校</t>
  </si>
  <si>
    <t>214-0014</t>
  </si>
  <si>
    <t>川崎市多摩区登戸1329</t>
  </si>
  <si>
    <t>川崎市立中野島小学校</t>
  </si>
  <si>
    <t>214-0012</t>
  </si>
  <si>
    <t>川崎市多摩区中野島3-12-1</t>
  </si>
  <si>
    <t>川崎市立下布田小学校</t>
  </si>
  <si>
    <t>しもふだ</t>
    <phoneticPr fontId="1"/>
  </si>
  <si>
    <t>214-0011</t>
  </si>
  <si>
    <t>川崎市多摩区布田23-1</t>
  </si>
  <si>
    <t>川崎市立東菅小学校</t>
  </si>
  <si>
    <t>ひがしすげ</t>
    <phoneticPr fontId="1"/>
  </si>
  <si>
    <t>214-0004</t>
  </si>
  <si>
    <t>川崎市多摩区菅馬場2-19-1</t>
  </si>
  <si>
    <t>川崎市立南菅小学校</t>
  </si>
  <si>
    <t>みなみすげ</t>
    <phoneticPr fontId="1"/>
  </si>
  <si>
    <t>川崎市多摩区菅馬場3-25-1</t>
  </si>
  <si>
    <t>川崎市立西菅小学校</t>
  </si>
  <si>
    <t>にしすげ</t>
    <phoneticPr fontId="1"/>
  </si>
  <si>
    <t>214-0008</t>
  </si>
  <si>
    <t>川崎市多摩区菅北浦4-2-1</t>
  </si>
  <si>
    <t>川崎市立菅小学校</t>
  </si>
  <si>
    <t>214-0001</t>
  </si>
  <si>
    <t>川崎市多摩区菅2-6-1</t>
  </si>
  <si>
    <t>川崎市立東生田小学校</t>
  </si>
  <si>
    <t>214-0032</t>
  </si>
  <si>
    <t>川崎市多摩区枡形4-9-1</t>
  </si>
  <si>
    <t>川崎市立三田小学校</t>
  </si>
  <si>
    <t>214-0034</t>
  </si>
  <si>
    <t>川崎市多摩区三田3-6-4</t>
  </si>
  <si>
    <t>川崎市立生田小学校</t>
  </si>
  <si>
    <t>214-0038</t>
  </si>
  <si>
    <t>川崎市多摩区生田7-22-1</t>
  </si>
  <si>
    <t>川崎市立南生田小学校</t>
  </si>
  <si>
    <t>214-0036</t>
  </si>
  <si>
    <t>川崎市多摩区南生田3-1-1</t>
  </si>
  <si>
    <t>麻生区</t>
    <rPh sb="0" eb="2">
      <t>アサオ</t>
    </rPh>
    <rPh sb="2" eb="3">
      <t>ク</t>
    </rPh>
    <phoneticPr fontId="1"/>
  </si>
  <si>
    <t>川崎市立長沢小学校</t>
  </si>
  <si>
    <t>215-0012</t>
  </si>
  <si>
    <t>川崎市麻生区東百合丘2-24-7</t>
  </si>
  <si>
    <t>川崎市立西生田小学校</t>
  </si>
  <si>
    <t>215-0001</t>
  </si>
  <si>
    <t>川崎市麻生区細山2-2-1</t>
  </si>
  <si>
    <t>川崎市立千代ヶ丘小学校</t>
  </si>
  <si>
    <t>215-0005</t>
  </si>
  <si>
    <t>川崎市立金程小学校</t>
  </si>
  <si>
    <t>215-0006</t>
  </si>
  <si>
    <t>川崎市麻生区金程2-10-1</t>
  </si>
  <si>
    <t>川崎市立百合丘小学校</t>
  </si>
  <si>
    <t>ゆりがおか</t>
    <phoneticPr fontId="1"/>
  </si>
  <si>
    <t>215-0011</t>
  </si>
  <si>
    <t>川崎市麻生区百合丘2-1-2</t>
  </si>
  <si>
    <t>川崎市立南百合丘小学校</t>
  </si>
  <si>
    <t>215-0017</t>
  </si>
  <si>
    <t>川崎市麻生区王禅寺西1-26-1</t>
  </si>
  <si>
    <t>川崎市立麻生小学校</t>
  </si>
  <si>
    <t>215-0021</t>
  </si>
  <si>
    <t>川崎市麻生区上麻生3-24-1</t>
  </si>
  <si>
    <t>川崎市立東柿生小学校</t>
  </si>
  <si>
    <t>ひがしかきお</t>
    <phoneticPr fontId="1"/>
  </si>
  <si>
    <t>215-0018</t>
  </si>
  <si>
    <t>川崎市麻生区王禅寺東6-3-1</t>
  </si>
  <si>
    <t>川崎市立真福寺小学校</t>
  </si>
  <si>
    <t>しんぷくじ</t>
    <phoneticPr fontId="1"/>
  </si>
  <si>
    <t>215-0014</t>
  </si>
  <si>
    <t>川崎市麻生区白山5-3-1</t>
  </si>
  <si>
    <t>川崎市立虹ヶ丘小学校</t>
  </si>
  <si>
    <t>にじがおか</t>
    <phoneticPr fontId="1"/>
  </si>
  <si>
    <t>215-0015</t>
  </si>
  <si>
    <t>川崎市立王禅寺中央小学校</t>
  </si>
  <si>
    <t>おうぜんじちゅうおう</t>
    <phoneticPr fontId="1"/>
  </si>
  <si>
    <t>川崎市麻生区王禅寺東4-14-1</t>
  </si>
  <si>
    <t>川崎市立柿生小学校</t>
  </si>
  <si>
    <t>215-0023</t>
  </si>
  <si>
    <t>川崎市麻生区片平3-3-1</t>
  </si>
  <si>
    <t>川崎市立岡上小学校</t>
  </si>
  <si>
    <t>215-0027</t>
  </si>
  <si>
    <t>川崎市麻生区岡上675-1</t>
  </si>
  <si>
    <t>川崎市立片平小学校</t>
  </si>
  <si>
    <t>川崎市麻生区片平5-28-1</t>
  </si>
  <si>
    <t>川崎市立栗木台小学校</t>
  </si>
  <si>
    <t>215-0032</t>
  </si>
  <si>
    <t>川崎市麻生区栗木台5-15-1</t>
  </si>
  <si>
    <t>川崎市立はるひ野小学校</t>
  </si>
  <si>
    <t>はるひの</t>
    <phoneticPr fontId="2"/>
  </si>
  <si>
    <t>川崎市麻生区はるひ野4-8-1</t>
  </si>
  <si>
    <t>市町村</t>
    <rPh sb="0" eb="3">
      <t>シチョウソン</t>
    </rPh>
    <phoneticPr fontId="1"/>
  </si>
  <si>
    <t>学校名</t>
    <rPh sb="0" eb="2">
      <t>ガッコウ</t>
    </rPh>
    <rPh sb="2" eb="3">
      <t>メイ</t>
    </rPh>
    <phoneticPr fontId="1"/>
  </si>
  <si>
    <t>郵便番号</t>
    <rPh sb="0" eb="4">
      <t>ユウビンバンゴウ</t>
    </rPh>
    <phoneticPr fontId="1"/>
  </si>
  <si>
    <t>所在地</t>
    <rPh sb="0" eb="3">
      <t>ショザイチ</t>
    </rPh>
    <phoneticPr fontId="1"/>
  </si>
  <si>
    <t>電話</t>
    <rPh sb="0" eb="2">
      <t>デンワ</t>
    </rPh>
    <phoneticPr fontId="1"/>
  </si>
  <si>
    <t>（本校17校）</t>
    <rPh sb="1" eb="3">
      <t>ホンコウ</t>
    </rPh>
    <rPh sb="5" eb="6">
      <t>コウ</t>
    </rPh>
    <phoneticPr fontId="1"/>
  </si>
  <si>
    <t>ふじみだい</t>
    <phoneticPr fontId="1"/>
  </si>
  <si>
    <t>（本校16校）</t>
    <rPh sb="1" eb="3">
      <t>ホンコウ</t>
    </rPh>
    <rPh sb="5" eb="6">
      <t>コウ</t>
    </rPh>
    <phoneticPr fontId="1"/>
  </si>
  <si>
    <t>川崎市川崎区桜本1-9-15</t>
    <rPh sb="6" eb="7">
      <t>サクラ</t>
    </rPh>
    <rPh sb="7" eb="8">
      <t>モト</t>
    </rPh>
    <phoneticPr fontId="1"/>
  </si>
  <si>
    <t>とのまち</t>
    <phoneticPr fontId="1"/>
  </si>
  <si>
    <t>よつや</t>
    <phoneticPr fontId="1"/>
  </si>
  <si>
    <t>ひがしもんぜん</t>
    <phoneticPr fontId="1"/>
  </si>
  <si>
    <t>だいし</t>
    <phoneticPr fontId="1"/>
  </si>
  <si>
    <t>かわなかじま</t>
    <phoneticPr fontId="1"/>
  </si>
  <si>
    <t>ふじさき</t>
    <phoneticPr fontId="1"/>
  </si>
  <si>
    <t>さくら</t>
    <phoneticPr fontId="1"/>
  </si>
  <si>
    <t>おおしま</t>
    <phoneticPr fontId="1"/>
  </si>
  <si>
    <t>わたりだ</t>
    <phoneticPr fontId="1"/>
  </si>
  <si>
    <t>おだ</t>
    <phoneticPr fontId="1"/>
  </si>
  <si>
    <t>あさだ</t>
    <phoneticPr fontId="1"/>
  </si>
  <si>
    <t>ひがしおおしま</t>
    <phoneticPr fontId="1"/>
  </si>
  <si>
    <t>むかい</t>
    <phoneticPr fontId="1"/>
  </si>
  <si>
    <t>たじま</t>
    <phoneticPr fontId="1"/>
  </si>
  <si>
    <t>しんちょう</t>
    <phoneticPr fontId="1"/>
  </si>
  <si>
    <t>あさひちょう</t>
    <phoneticPr fontId="1"/>
  </si>
  <si>
    <t>みやまえ</t>
    <phoneticPr fontId="1"/>
  </si>
  <si>
    <t>かわさき</t>
    <phoneticPr fontId="1"/>
  </si>
  <si>
    <t>きょうまち</t>
    <phoneticPr fontId="1"/>
  </si>
  <si>
    <t>さいわいちょう</t>
    <phoneticPr fontId="1"/>
  </si>
  <si>
    <t>みなみがわら</t>
    <phoneticPr fontId="1"/>
  </si>
  <si>
    <t>みゆき</t>
    <phoneticPr fontId="1"/>
  </si>
  <si>
    <t>にしみゆき</t>
    <phoneticPr fontId="1"/>
  </si>
  <si>
    <t>とで</t>
    <phoneticPr fontId="1"/>
  </si>
  <si>
    <t>ひがしおぐら</t>
    <phoneticPr fontId="1"/>
  </si>
  <si>
    <t>しもひらま</t>
    <phoneticPr fontId="1"/>
  </si>
  <si>
    <t>ふるいちば</t>
    <phoneticPr fontId="1"/>
  </si>
  <si>
    <t>ひよし</t>
    <phoneticPr fontId="1"/>
  </si>
  <si>
    <t>おぐら</t>
    <phoneticPr fontId="1"/>
  </si>
  <si>
    <t>川崎市幸区小倉2-20-1</t>
    <phoneticPr fontId="1"/>
  </si>
  <si>
    <t>ゆめみがさき</t>
    <phoneticPr fontId="1"/>
  </si>
  <si>
    <t>しもがわら</t>
    <phoneticPr fontId="1"/>
  </si>
  <si>
    <t>ひらま</t>
    <phoneticPr fontId="1"/>
  </si>
  <si>
    <t>ひがしすみよし</t>
    <phoneticPr fontId="1"/>
  </si>
  <si>
    <t>なかはら</t>
    <phoneticPr fontId="1"/>
  </si>
  <si>
    <t>みやうち</t>
    <phoneticPr fontId="1"/>
  </si>
  <si>
    <t>しんじょう</t>
    <phoneticPr fontId="1"/>
  </si>
  <si>
    <t>おおがやと</t>
    <phoneticPr fontId="1"/>
  </si>
  <si>
    <t>しぼくち</t>
    <phoneticPr fontId="1"/>
  </si>
  <si>
    <t>たちばな</t>
    <phoneticPr fontId="1"/>
  </si>
  <si>
    <t>すえなが</t>
    <phoneticPr fontId="1"/>
  </si>
  <si>
    <t>さかど</t>
    <phoneticPr fontId="1"/>
  </si>
  <si>
    <t>ひさもと</t>
    <phoneticPr fontId="1"/>
  </si>
  <si>
    <t>しもさくのべ</t>
    <phoneticPr fontId="1"/>
  </si>
  <si>
    <t>たかつ</t>
    <phoneticPr fontId="1"/>
  </si>
  <si>
    <t>かじがや</t>
    <phoneticPr fontId="1"/>
  </si>
  <si>
    <t>みなみはら</t>
    <phoneticPr fontId="1"/>
  </si>
  <si>
    <t>くじ</t>
    <phoneticPr fontId="1"/>
  </si>
  <si>
    <t>のがわ</t>
    <phoneticPr fontId="1"/>
  </si>
  <si>
    <t>にしのがわ</t>
    <phoneticPr fontId="1"/>
  </si>
  <si>
    <t>みなみのがわ</t>
    <phoneticPr fontId="1"/>
  </si>
  <si>
    <t>ありま</t>
    <phoneticPr fontId="1"/>
  </si>
  <si>
    <t>にしありま</t>
    <phoneticPr fontId="1"/>
  </si>
  <si>
    <t>みやまえだいら</t>
    <phoneticPr fontId="1"/>
  </si>
  <si>
    <t>たいら</t>
    <phoneticPr fontId="1"/>
  </si>
  <si>
    <t>しらはただい</t>
    <phoneticPr fontId="2"/>
  </si>
  <si>
    <t>すがお</t>
    <phoneticPr fontId="1"/>
  </si>
  <si>
    <t>216-0005</t>
    <phoneticPr fontId="2"/>
  </si>
  <si>
    <t>いなだ</t>
    <phoneticPr fontId="1"/>
  </si>
  <si>
    <t>ながお</t>
    <phoneticPr fontId="1"/>
  </si>
  <si>
    <t>しゅくがわら</t>
    <phoneticPr fontId="1"/>
  </si>
  <si>
    <t>のぼりと</t>
    <phoneticPr fontId="1"/>
  </si>
  <si>
    <t>なかのしま</t>
    <phoneticPr fontId="1"/>
  </si>
  <si>
    <t>すげ</t>
    <phoneticPr fontId="1"/>
  </si>
  <si>
    <t>みた</t>
    <phoneticPr fontId="1"/>
  </si>
  <si>
    <t>いくた</t>
    <phoneticPr fontId="1"/>
  </si>
  <si>
    <t>みなみいくた</t>
    <phoneticPr fontId="1"/>
  </si>
  <si>
    <t>ながさわ</t>
    <phoneticPr fontId="1"/>
  </si>
  <si>
    <t>にしいくた</t>
    <phoneticPr fontId="1"/>
  </si>
  <si>
    <t>ちよがおか</t>
    <phoneticPr fontId="1"/>
  </si>
  <si>
    <t>かなほど</t>
    <phoneticPr fontId="1"/>
  </si>
  <si>
    <t>みなみゆりがおか</t>
    <phoneticPr fontId="1"/>
  </si>
  <si>
    <t>あさお</t>
    <phoneticPr fontId="1"/>
  </si>
  <si>
    <t>かきお</t>
    <phoneticPr fontId="1"/>
  </si>
  <si>
    <t>おかがみ</t>
    <phoneticPr fontId="1"/>
  </si>
  <si>
    <t>かたひら</t>
    <phoneticPr fontId="1"/>
  </si>
  <si>
    <t>くりぎだい</t>
    <phoneticPr fontId="2"/>
  </si>
  <si>
    <t>215-0036</t>
    <phoneticPr fontId="2"/>
  </si>
  <si>
    <t>川崎市立さくら小学校</t>
    <rPh sb="0" eb="4">
      <t>カワサキシリツ</t>
    </rPh>
    <rPh sb="7" eb="10">
      <t>ショウガッコウ</t>
    </rPh>
    <phoneticPr fontId="1"/>
  </si>
  <si>
    <t>-</t>
  </si>
  <si>
    <t>いまい</t>
    <phoneticPr fontId="1"/>
  </si>
  <si>
    <t>ひがしおだ</t>
    <phoneticPr fontId="1"/>
  </si>
  <si>
    <t>ふるかわ</t>
    <phoneticPr fontId="1"/>
  </si>
  <si>
    <t>みなみかせ</t>
    <phoneticPr fontId="1"/>
  </si>
  <si>
    <t>ぎょくせん</t>
    <phoneticPr fontId="1"/>
  </si>
  <si>
    <t>しもぬまべ</t>
    <phoneticPr fontId="1"/>
  </si>
  <si>
    <t>かりやど</t>
    <phoneticPr fontId="1"/>
  </si>
  <si>
    <t>きづき</t>
    <phoneticPr fontId="1"/>
  </si>
  <si>
    <t>すみよし</t>
    <phoneticPr fontId="1"/>
  </si>
  <si>
    <t>いだ</t>
    <phoneticPr fontId="1"/>
  </si>
  <si>
    <t>かみまるこ</t>
    <phoneticPr fontId="1"/>
  </si>
  <si>
    <t>にしまるこ</t>
    <phoneticPr fontId="1"/>
  </si>
  <si>
    <t>おおと</t>
    <phoneticPr fontId="1"/>
  </si>
  <si>
    <t>しもこだなか</t>
    <phoneticPr fontId="1"/>
  </si>
  <si>
    <t>しんさく</t>
    <phoneticPr fontId="1"/>
  </si>
  <si>
    <t>にしかじがや</t>
    <phoneticPr fontId="1"/>
  </si>
  <si>
    <t>かみさくのべ</t>
    <phoneticPr fontId="1"/>
  </si>
  <si>
    <t>みやざき</t>
    <phoneticPr fontId="1"/>
  </si>
  <si>
    <t>さぎぬま</t>
    <phoneticPr fontId="1"/>
  </si>
  <si>
    <t>みやざきだい</t>
    <phoneticPr fontId="1"/>
  </si>
  <si>
    <t>むかいがおか</t>
    <phoneticPr fontId="1"/>
  </si>
  <si>
    <t>ひえばら</t>
    <phoneticPr fontId="1"/>
  </si>
  <si>
    <t>いぬくら</t>
    <phoneticPr fontId="1"/>
  </si>
  <si>
    <t>つちはし</t>
    <phoneticPr fontId="2"/>
  </si>
  <si>
    <t>よみがな</t>
    <phoneticPr fontId="1"/>
  </si>
  <si>
    <t>(044)266-4886</t>
  </si>
  <si>
    <t>(044)266-5883</t>
  </si>
  <si>
    <t>(044)288-2065</t>
  </si>
  <si>
    <t>(044)288-2392</t>
  </si>
  <si>
    <t>(044)288-3167</t>
  </si>
  <si>
    <t>(044)288-2126</t>
  </si>
  <si>
    <t>(044)266-4601</t>
  </si>
  <si>
    <t>(044)344-2424</t>
  </si>
  <si>
    <t>(044)344-4932</t>
  </si>
  <si>
    <t>(044)333-2122</t>
  </si>
  <si>
    <t>(044)333-3300</t>
  </si>
  <si>
    <t>(044)333-5966</t>
  </si>
  <si>
    <t>(044)233-6120</t>
  </si>
  <si>
    <t>(044)233-6936</t>
  </si>
  <si>
    <t>(044)333-8436</t>
  </si>
  <si>
    <t>(044)322-2495</t>
  </si>
  <si>
    <t>(044)233-4712</t>
  </si>
  <si>
    <t>(044)233-2043</t>
  </si>
  <si>
    <t>(044)233-2812</t>
  </si>
  <si>
    <t>(044)322-2410</t>
  </si>
  <si>
    <t>(044)522-0388</t>
  </si>
  <si>
    <t>(044)522-2573</t>
  </si>
  <si>
    <t>(044)511-4317</t>
  </si>
  <si>
    <t>(044)522-2419</t>
  </si>
  <si>
    <t>(044)522-3506</t>
  </si>
  <si>
    <t>(044)533-1524</t>
  </si>
  <si>
    <t>(044)511-5201</t>
  </si>
  <si>
    <t>(044)522-3304</t>
  </si>
  <si>
    <t>(044)522-0282</t>
  </si>
  <si>
    <t>(044)588-4411</t>
  </si>
  <si>
    <t>(044)588-3332</t>
  </si>
  <si>
    <t>(044)599-2554</t>
  </si>
  <si>
    <t>(044)599-1247</t>
  </si>
  <si>
    <t>(044)522-0158</t>
  </si>
  <si>
    <t>(044)511-6528</t>
  </si>
  <si>
    <t>(044)522-4416</t>
  </si>
  <si>
    <t>(044)411-2933</t>
  </si>
  <si>
    <t>(044)422-4409</t>
  </si>
  <si>
    <t>(044)433-3286</t>
  </si>
  <si>
    <t>(044)422-1402</t>
  </si>
  <si>
    <t>(044)422-5444</t>
  </si>
  <si>
    <t>(044)766-3992</t>
  </si>
  <si>
    <t>(044)722-7599</t>
  </si>
  <si>
    <t>(044)411-2221</t>
  </si>
  <si>
    <t>(044)733-4413</t>
  </si>
  <si>
    <t>(044)722-1610</t>
  </si>
  <si>
    <t>(044)766-4769</t>
  </si>
  <si>
    <t>(044)766-4509</t>
  </si>
  <si>
    <t>(044)777-5103</t>
  </si>
  <si>
    <t>(044)766-2236</t>
  </si>
  <si>
    <t>(044)777-6412</t>
  </si>
  <si>
    <t>(044)777-0842</t>
  </si>
  <si>
    <t>(044)766-4503</t>
  </si>
  <si>
    <t>(044)866-7642</t>
  </si>
  <si>
    <t>(044)877-6565</t>
  </si>
  <si>
    <t>(044)833-5452</t>
  </si>
  <si>
    <t>(044)822-2341</t>
  </si>
  <si>
    <t>(044)822-9331</t>
  </si>
  <si>
    <t>(044)822-0723</t>
  </si>
  <si>
    <t>(044)822-2630</t>
  </si>
  <si>
    <t>(044)877-8621</t>
  </si>
  <si>
    <t>(044)888-0505</t>
  </si>
  <si>
    <t>(044)777-6533</t>
  </si>
  <si>
    <t>(044)866-2049</t>
  </si>
  <si>
    <t>(044)866-0981</t>
  </si>
  <si>
    <t>(044)833-5700</t>
  </si>
  <si>
    <t>(044)766-2069</t>
  </si>
  <si>
    <t>(044)766-3877</t>
  </si>
  <si>
    <t>(044)788-5500</t>
  </si>
  <si>
    <t>(044)866-2219</t>
  </si>
  <si>
    <t>(044)854-2783</t>
  </si>
  <si>
    <t>(044)866-1447</t>
  </si>
  <si>
    <t>(044)855-7911</t>
  </si>
  <si>
    <t>(044)888-0189</t>
  </si>
  <si>
    <t>(044)853-0466</t>
  </si>
  <si>
    <t>(044)855-2410</t>
  </si>
  <si>
    <t>(044)866-7060</t>
  </si>
  <si>
    <t>(044)866-7235</t>
  </si>
  <si>
    <t>(044)977-8220</t>
  </si>
  <si>
    <t>(044)977-0953</t>
  </si>
  <si>
    <t>(044)976-4557</t>
  </si>
  <si>
    <t>(044)976-1820</t>
  </si>
  <si>
    <t>(044)865-1535</t>
  </si>
  <si>
    <t>(044)911-7041</t>
  </si>
  <si>
    <t>(044)866-1541</t>
  </si>
  <si>
    <t>(044)933-5437</t>
  </si>
  <si>
    <t>(044)911-2124</t>
  </si>
  <si>
    <t>(044)911-8515</t>
  </si>
  <si>
    <t>(044)944-5448</t>
  </si>
  <si>
    <t>(044)944-2832</t>
  </si>
  <si>
    <t>(044)944-5320</t>
  </si>
  <si>
    <t>(044)945-8181</t>
  </si>
  <si>
    <t>(044)944-2107</t>
  </si>
  <si>
    <t>(044)900-1986</t>
  </si>
  <si>
    <t>(044)911-2115</t>
  </si>
  <si>
    <t>(044)954-5764</t>
  </si>
  <si>
    <t>(044)954-5144</t>
  </si>
  <si>
    <t>(044)966-5161</t>
  </si>
  <si>
    <t>(044)954-1080</t>
  </si>
  <si>
    <t>(044)966-5506</t>
  </si>
  <si>
    <t>(044)966-3550</t>
  </si>
  <si>
    <t>(044)966-6376</t>
  </si>
  <si>
    <t>(044)954-0397</t>
  </si>
  <si>
    <t>(044)988-0017</t>
  </si>
  <si>
    <t>(044)988-4348</t>
  </si>
  <si>
    <t>(044)987-1579</t>
  </si>
  <si>
    <t>(044)988-9700</t>
  </si>
  <si>
    <t>(044)988-0019</t>
  </si>
  <si>
    <t>(044)988-8367</t>
  </si>
  <si>
    <t>(044)987-6367</t>
  </si>
  <si>
    <t>(044)987-4633</t>
  </si>
  <si>
    <t>(044)980-5211</t>
  </si>
  <si>
    <t>小学校（川崎市）</t>
    <rPh sb="0" eb="3">
      <t>ショウガッコウ</t>
    </rPh>
    <rPh sb="4" eb="7">
      <t>カワサキシ</t>
    </rPh>
    <phoneticPr fontId="1"/>
  </si>
  <si>
    <t>川崎市立小杉小学校</t>
    <rPh sb="0" eb="2">
      <t>カワサキ</t>
    </rPh>
    <rPh sb="2" eb="4">
      <t>シリツ</t>
    </rPh>
    <rPh sb="4" eb="6">
      <t>コスギ</t>
    </rPh>
    <rPh sb="6" eb="9">
      <t>ショウガッコウ</t>
    </rPh>
    <phoneticPr fontId="1"/>
  </si>
  <si>
    <t>こすぎ</t>
    <phoneticPr fontId="1"/>
  </si>
  <si>
    <t>211-0063</t>
    <phoneticPr fontId="1"/>
  </si>
  <si>
    <t>川崎市中原区小杉町2-295-1</t>
    <rPh sb="0" eb="3">
      <t>カワサキシ</t>
    </rPh>
    <rPh sb="3" eb="6">
      <t>ナカハラク</t>
    </rPh>
    <rPh sb="6" eb="8">
      <t>コスギ</t>
    </rPh>
    <rPh sb="8" eb="9">
      <t>マチ</t>
    </rPh>
    <phoneticPr fontId="1"/>
  </si>
  <si>
    <t>-</t>
    <phoneticPr fontId="1"/>
  </si>
  <si>
    <t>ファクシミリ</t>
    <phoneticPr fontId="1"/>
  </si>
  <si>
    <t>211-0021</t>
    <phoneticPr fontId="1"/>
  </si>
  <si>
    <t>216-0044</t>
    <phoneticPr fontId="1"/>
  </si>
  <si>
    <t>(044)711-5553</t>
    <phoneticPr fontId="1"/>
  </si>
  <si>
    <t>川崎市高津区末長3-8-1</t>
    <phoneticPr fontId="1"/>
  </si>
  <si>
    <t>川崎市高津区梶ケ谷4-12</t>
    <phoneticPr fontId="1"/>
  </si>
  <si>
    <t>川崎市高津区梶ケ谷2-14-1</t>
    <phoneticPr fontId="1"/>
  </si>
  <si>
    <t>川崎市宮前区宮崎3-18-2</t>
    <phoneticPr fontId="1"/>
  </si>
  <si>
    <t>川崎市麻生区千代ケ丘8-9-1</t>
    <phoneticPr fontId="1"/>
  </si>
  <si>
    <t>川崎市麻生区虹ケ丘1-21-2</t>
    <phoneticPr fontId="1"/>
  </si>
  <si>
    <t>216-0043</t>
    <phoneticPr fontId="1"/>
  </si>
  <si>
    <t>216-0042</t>
    <phoneticPr fontId="1"/>
  </si>
  <si>
    <t>ひがしいくた</t>
    <phoneticPr fontId="1"/>
  </si>
  <si>
    <t>川崎市宮前区南野川2-12-1</t>
    <rPh sb="0" eb="3">
      <t>カワサキシ</t>
    </rPh>
    <rPh sb="3" eb="6">
      <t>ミヤマエク</t>
    </rPh>
    <rPh sb="7" eb="9">
      <t>ノガワ</t>
    </rPh>
    <phoneticPr fontId="1"/>
  </si>
  <si>
    <r>
      <t>（本校</t>
    </r>
    <r>
      <rPr>
        <sz val="11"/>
        <rFont val="ＭＳ Ｐゴシック"/>
        <family val="3"/>
        <charset val="128"/>
      </rPr>
      <t>114校）</t>
    </r>
    <rPh sb="1" eb="3">
      <t>ホンコウ</t>
    </rPh>
    <rPh sb="6" eb="7">
      <t>コウ</t>
    </rPh>
    <phoneticPr fontId="1"/>
  </si>
  <si>
    <r>
      <t>（本校2</t>
    </r>
    <r>
      <rPr>
        <sz val="11"/>
        <rFont val="ＭＳ Ｐゴシック"/>
        <family val="3"/>
        <charset val="128"/>
      </rPr>
      <t>0校）</t>
    </r>
    <rPh sb="1" eb="3">
      <t>ホンコウ</t>
    </rPh>
    <rPh sb="5" eb="6">
      <t>コウ</t>
    </rPh>
    <phoneticPr fontId="1"/>
  </si>
  <si>
    <r>
      <t>川崎市川崎区東門前3-4-</t>
    </r>
    <r>
      <rPr>
        <sz val="11"/>
        <rFont val="ＭＳ Ｐゴシック"/>
        <family val="3"/>
        <charset val="128"/>
      </rPr>
      <t>6</t>
    </r>
    <phoneticPr fontId="1"/>
  </si>
  <si>
    <r>
      <t>川崎市川崎区東門前2-6-</t>
    </r>
    <r>
      <rPr>
        <sz val="11"/>
        <rFont val="ＭＳ Ｐゴシック"/>
        <family val="3"/>
        <charset val="128"/>
      </rPr>
      <t>1</t>
    </r>
    <phoneticPr fontId="1"/>
  </si>
  <si>
    <r>
      <t>川崎市川崎区川中島2-4-1</t>
    </r>
    <r>
      <rPr>
        <sz val="11"/>
        <rFont val="ＭＳ Ｐゴシック"/>
        <family val="3"/>
        <charset val="128"/>
      </rPr>
      <t>9</t>
    </r>
    <phoneticPr fontId="1"/>
  </si>
  <si>
    <r>
      <t>210-083</t>
    </r>
    <r>
      <rPr>
        <sz val="11"/>
        <rFont val="ＭＳ Ｐゴシック"/>
        <family val="3"/>
        <charset val="128"/>
      </rPr>
      <t>3</t>
    </r>
    <phoneticPr fontId="1"/>
  </si>
  <si>
    <r>
      <t>2</t>
    </r>
    <r>
      <rPr>
        <sz val="11"/>
        <rFont val="ＭＳ Ｐゴシック"/>
        <family val="3"/>
        <charset val="128"/>
      </rPr>
      <t>12-0033</t>
    </r>
    <phoneticPr fontId="1"/>
  </si>
  <si>
    <r>
      <t>（本校</t>
    </r>
    <r>
      <rPr>
        <sz val="11"/>
        <rFont val="ＭＳ Ｐゴシック"/>
        <family val="3"/>
        <charset val="128"/>
      </rPr>
      <t>19校）</t>
    </r>
    <rPh sb="1" eb="3">
      <t>ホンコウ</t>
    </rPh>
    <rPh sb="5" eb="6">
      <t>コウ</t>
    </rPh>
    <phoneticPr fontId="1"/>
  </si>
  <si>
    <r>
      <t>川崎市中原区苅宿2</t>
    </r>
    <r>
      <rPr>
        <sz val="11"/>
        <rFont val="ＭＳ Ｐゴシック"/>
        <family val="3"/>
        <charset val="128"/>
      </rPr>
      <t>5-1</t>
    </r>
    <phoneticPr fontId="1"/>
  </si>
  <si>
    <r>
      <t>川崎市中原区木月住吉町1</t>
    </r>
    <r>
      <rPr>
        <sz val="11"/>
        <rFont val="ＭＳ Ｐゴシック"/>
        <family val="3"/>
        <charset val="128"/>
      </rPr>
      <t>-11</t>
    </r>
    <rPh sb="6" eb="8">
      <t>キヅキ</t>
    </rPh>
    <rPh sb="8" eb="11">
      <t>スミヨシチョウ</t>
    </rPh>
    <phoneticPr fontId="1"/>
  </si>
  <si>
    <r>
      <t>川崎市中原区今井西町3</t>
    </r>
    <r>
      <rPr>
        <sz val="11"/>
        <rFont val="ＭＳ Ｐゴシック"/>
        <family val="3"/>
        <charset val="128"/>
      </rPr>
      <t>-18</t>
    </r>
    <phoneticPr fontId="1"/>
  </si>
  <si>
    <r>
      <t>川崎市高津区下作延5</t>
    </r>
    <r>
      <rPr>
        <sz val="11"/>
        <rFont val="ＭＳ Ｐゴシック"/>
        <family val="3"/>
        <charset val="128"/>
      </rPr>
      <t>-19-1</t>
    </r>
    <phoneticPr fontId="1"/>
  </si>
  <si>
    <r>
      <t>川崎市宮前区</t>
    </r>
    <r>
      <rPr>
        <sz val="11"/>
        <rFont val="ＭＳ Ｐゴシック"/>
        <family val="3"/>
        <charset val="128"/>
      </rPr>
      <t>西野川2-19-1</t>
    </r>
    <rPh sb="6" eb="8">
      <t>ニシノ</t>
    </rPh>
    <rPh sb="8" eb="9">
      <t>ガワ</t>
    </rPh>
    <phoneticPr fontId="1"/>
  </si>
  <si>
    <r>
      <t>川崎市宮前区馬絹1</t>
    </r>
    <r>
      <rPr>
        <sz val="11"/>
        <rFont val="ＭＳ Ｐゴシック"/>
        <family val="3"/>
        <charset val="128"/>
      </rPr>
      <t>-30-9</t>
    </r>
    <phoneticPr fontId="1"/>
  </si>
  <si>
    <r>
      <t>216-00</t>
    </r>
    <r>
      <rPr>
        <sz val="11"/>
        <rFont val="ＭＳ Ｐゴシック"/>
        <family val="3"/>
        <charset val="128"/>
      </rPr>
      <t>11</t>
    </r>
    <phoneticPr fontId="2"/>
  </si>
  <si>
    <r>
      <t>(044)911-</t>
    </r>
    <r>
      <rPr>
        <sz val="11"/>
        <rFont val="ＭＳ Ｐゴシック"/>
        <family val="3"/>
        <charset val="128"/>
      </rPr>
      <t>4925</t>
    </r>
    <phoneticPr fontId="1"/>
  </si>
  <si>
    <r>
      <t>川崎市宮前区野川台</t>
    </r>
    <r>
      <rPr>
        <sz val="11"/>
        <rFont val="ＭＳ Ｐゴシック"/>
        <family val="3"/>
        <charset val="128"/>
      </rPr>
      <t>3-10-1</t>
    </r>
    <rPh sb="0" eb="3">
      <t>カワサキシ</t>
    </rPh>
    <rPh sb="3" eb="6">
      <t>ミヤマエク</t>
    </rPh>
    <rPh sb="6" eb="8">
      <t>ノガワ</t>
    </rPh>
    <rPh sb="8" eb="9">
      <t>ダイ</t>
    </rPh>
    <phoneticPr fontId="1"/>
  </si>
  <si>
    <t>川崎市高津区上作延3-9-1</t>
    <phoneticPr fontId="1"/>
  </si>
  <si>
    <t>川崎市高津区上作延5-8-1</t>
    <phoneticPr fontId="1"/>
  </si>
  <si>
    <t>令和６年４月１日現在</t>
    <rPh sb="0" eb="2">
      <t>レイワ</t>
    </rPh>
    <rPh sb="3" eb="4">
      <t>ネン</t>
    </rPh>
    <rPh sb="5" eb="6">
      <t>ガツ</t>
    </rPh>
    <rPh sb="7" eb="8">
      <t>ニチ</t>
    </rPh>
    <rPh sb="8" eb="10">
      <t>ゲンザ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b/>
      <sz val="1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59999389629810485"/>
        <bgColor indexed="64"/>
      </patternFill>
    </fill>
  </fills>
  <borders count="33">
    <border>
      <left/>
      <right/>
      <top/>
      <bottom/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</borders>
  <cellStyleXfs count="1">
    <xf numFmtId="0" fontId="0" fillId="0" borderId="0"/>
  </cellStyleXfs>
  <cellXfs count="53">
    <xf numFmtId="0" fontId="0" fillId="0" borderId="0" xfId="0"/>
    <xf numFmtId="0" fontId="0" fillId="0" borderId="0" xfId="0" applyAlignment="1">
      <alignment horizontal="center"/>
    </xf>
    <xf numFmtId="0" fontId="0" fillId="0" borderId="0" xfId="0" applyFill="1"/>
    <xf numFmtId="0" fontId="0" fillId="0" borderId="0" xfId="0" applyFill="1" applyAlignment="1">
      <alignment horizontal="center"/>
    </xf>
    <xf numFmtId="0" fontId="3" fillId="0" borderId="0" xfId="0" applyFont="1" applyFill="1" applyBorder="1" applyAlignment="1">
      <alignment vertical="center"/>
    </xf>
    <xf numFmtId="0" fontId="0" fillId="0" borderId="0" xfId="0" applyFont="1" applyFill="1"/>
    <xf numFmtId="0" fontId="0" fillId="0" borderId="24" xfId="0" applyNumberFormat="1" applyFont="1" applyFill="1" applyBorder="1" applyAlignment="1">
      <alignment horizontal="center" vertical="center" shrinkToFit="1"/>
    </xf>
    <xf numFmtId="0" fontId="0" fillId="0" borderId="18" xfId="0" applyNumberFormat="1" applyFont="1" applyFill="1" applyBorder="1" applyAlignment="1">
      <alignment horizontal="center" vertical="center" shrinkToFit="1"/>
    </xf>
    <xf numFmtId="0" fontId="0" fillId="0" borderId="17" xfId="0" applyNumberFormat="1" applyFont="1" applyFill="1" applyBorder="1" applyAlignment="1">
      <alignment horizontal="left" vertical="center" shrinkToFit="1"/>
    </xf>
    <xf numFmtId="0" fontId="0" fillId="0" borderId="16" xfId="0" applyNumberFormat="1" applyFont="1" applyFill="1" applyBorder="1" applyAlignment="1">
      <alignment horizontal="left" vertical="center" shrinkToFit="1"/>
    </xf>
    <xf numFmtId="0" fontId="0" fillId="0" borderId="17" xfId="0" applyNumberFormat="1" applyFont="1" applyFill="1" applyBorder="1" applyAlignment="1">
      <alignment horizontal="center" vertical="center" shrinkToFit="1"/>
    </xf>
    <xf numFmtId="0" fontId="0" fillId="0" borderId="16" xfId="0" applyNumberFormat="1" applyFont="1" applyFill="1" applyBorder="1" applyAlignment="1">
      <alignment horizontal="center" vertical="center" shrinkToFit="1"/>
    </xf>
    <xf numFmtId="0" fontId="0" fillId="0" borderId="25" xfId="0" applyNumberFormat="1" applyFont="1" applyFill="1" applyBorder="1" applyAlignment="1">
      <alignment horizontal="center" vertical="center" shrinkToFit="1"/>
    </xf>
    <xf numFmtId="0" fontId="0" fillId="0" borderId="11" xfId="0" applyNumberFormat="1" applyFont="1" applyFill="1" applyBorder="1" applyAlignment="1">
      <alignment horizontal="center" vertical="center" shrinkToFit="1"/>
    </xf>
    <xf numFmtId="0" fontId="0" fillId="0" borderId="14" xfId="0" applyNumberFormat="1" applyFont="1" applyFill="1" applyBorder="1" applyAlignment="1">
      <alignment horizontal="center" vertical="center" shrinkToFit="1"/>
    </xf>
    <xf numFmtId="0" fontId="0" fillId="0" borderId="6" xfId="0" applyNumberFormat="1" applyFont="1" applyFill="1" applyBorder="1" applyAlignment="1">
      <alignment horizontal="left" vertical="center" shrinkToFit="1"/>
    </xf>
    <xf numFmtId="0" fontId="0" fillId="0" borderId="7" xfId="0" applyNumberFormat="1" applyFont="1" applyFill="1" applyBorder="1" applyAlignment="1">
      <alignment horizontal="left" vertical="center" shrinkToFit="1"/>
    </xf>
    <xf numFmtId="0" fontId="0" fillId="0" borderId="8" xfId="0" applyNumberFormat="1" applyFont="1" applyFill="1" applyBorder="1" applyAlignment="1">
      <alignment horizontal="center" vertical="center" shrinkToFit="1"/>
    </xf>
    <xf numFmtId="0" fontId="0" fillId="0" borderId="7" xfId="0" applyNumberFormat="1" applyFont="1" applyFill="1" applyBorder="1" applyAlignment="1">
      <alignment horizontal="center" vertical="center" shrinkToFit="1"/>
    </xf>
    <xf numFmtId="0" fontId="0" fillId="0" borderId="9" xfId="0" applyNumberFormat="1" applyFont="1" applyFill="1" applyBorder="1" applyAlignment="1">
      <alignment horizontal="center" vertical="center" shrinkToFit="1"/>
    </xf>
    <xf numFmtId="0" fontId="0" fillId="0" borderId="19" xfId="0" applyNumberFormat="1" applyFont="1" applyFill="1" applyBorder="1" applyAlignment="1">
      <alignment horizontal="center" vertical="center" shrinkToFit="1"/>
    </xf>
    <xf numFmtId="0" fontId="0" fillId="0" borderId="20" xfId="0" applyNumberFormat="1" applyFont="1" applyFill="1" applyBorder="1" applyAlignment="1">
      <alignment horizontal="left" vertical="center" shrinkToFit="1"/>
    </xf>
    <xf numFmtId="0" fontId="0" fillId="0" borderId="19" xfId="0" applyNumberFormat="1" applyFont="1" applyFill="1" applyBorder="1" applyAlignment="1">
      <alignment horizontal="left" vertical="center" shrinkToFit="1"/>
    </xf>
    <xf numFmtId="0" fontId="0" fillId="0" borderId="20" xfId="0" applyNumberFormat="1" applyFont="1" applyFill="1" applyBorder="1" applyAlignment="1">
      <alignment horizontal="center" vertical="center" shrinkToFit="1"/>
    </xf>
    <xf numFmtId="0" fontId="0" fillId="0" borderId="26" xfId="0" applyNumberFormat="1" applyFont="1" applyFill="1" applyBorder="1" applyAlignment="1">
      <alignment horizontal="center" vertical="center" shrinkToFit="1"/>
    </xf>
    <xf numFmtId="0" fontId="0" fillId="0" borderId="4" xfId="0" applyNumberFormat="1" applyFont="1" applyFill="1" applyBorder="1" applyAlignment="1">
      <alignment horizontal="center" vertical="center" shrinkToFit="1"/>
    </xf>
    <xf numFmtId="0" fontId="0" fillId="0" borderId="5" xfId="0" applyNumberFormat="1" applyFont="1" applyFill="1" applyBorder="1" applyAlignment="1">
      <alignment horizontal="center" vertical="center" shrinkToFit="1"/>
    </xf>
    <xf numFmtId="0" fontId="0" fillId="0" borderId="0" xfId="0" applyNumberFormat="1" applyFont="1" applyFill="1" applyBorder="1" applyAlignment="1">
      <alignment horizontal="left" vertical="center" shrinkToFit="1"/>
    </xf>
    <xf numFmtId="0" fontId="0" fillId="0" borderId="5" xfId="0" applyNumberFormat="1" applyFont="1" applyFill="1" applyBorder="1" applyAlignment="1">
      <alignment horizontal="left" vertical="center" shrinkToFit="1"/>
    </xf>
    <xf numFmtId="0" fontId="0" fillId="0" borderId="0" xfId="0" applyNumberFormat="1" applyFont="1" applyFill="1" applyBorder="1" applyAlignment="1">
      <alignment horizontal="center" vertical="center" shrinkToFit="1"/>
    </xf>
    <xf numFmtId="0" fontId="0" fillId="0" borderId="13" xfId="0" applyNumberFormat="1" applyFont="1" applyFill="1" applyBorder="1" applyAlignment="1">
      <alignment horizontal="center" vertical="center" shrinkToFit="1"/>
    </xf>
    <xf numFmtId="0" fontId="0" fillId="0" borderId="30" xfId="0" applyNumberFormat="1" applyFont="1" applyFill="1" applyBorder="1" applyAlignment="1">
      <alignment horizontal="center" vertical="center" shrinkToFit="1"/>
    </xf>
    <xf numFmtId="0" fontId="0" fillId="0" borderId="27" xfId="0" applyNumberFormat="1" applyFont="1" applyFill="1" applyBorder="1" applyAlignment="1">
      <alignment horizontal="left" vertical="center" shrinkToFit="1"/>
    </xf>
    <xf numFmtId="0" fontId="0" fillId="0" borderId="28" xfId="0" applyNumberFormat="1" applyFont="1" applyFill="1" applyBorder="1" applyAlignment="1">
      <alignment horizontal="left" vertical="center" shrinkToFit="1"/>
    </xf>
    <xf numFmtId="0" fontId="0" fillId="0" borderId="29" xfId="0" applyNumberFormat="1" applyFont="1" applyFill="1" applyBorder="1" applyAlignment="1">
      <alignment horizontal="center" vertical="center" shrinkToFit="1"/>
    </xf>
    <xf numFmtId="0" fontId="0" fillId="0" borderId="28" xfId="0" applyNumberFormat="1" applyFont="1" applyFill="1" applyBorder="1" applyAlignment="1">
      <alignment horizontal="center" vertical="center" shrinkToFit="1"/>
    </xf>
    <xf numFmtId="0" fontId="0" fillId="0" borderId="31" xfId="0" applyNumberFormat="1" applyFont="1" applyFill="1" applyBorder="1" applyAlignment="1">
      <alignment horizontal="center" vertical="center" shrinkToFit="1"/>
    </xf>
    <xf numFmtId="0" fontId="0" fillId="0" borderId="32" xfId="0" applyNumberFormat="1" applyFont="1" applyFill="1" applyBorder="1" applyAlignment="1">
      <alignment horizontal="center" vertical="center" shrinkToFit="1"/>
    </xf>
    <xf numFmtId="0" fontId="0" fillId="0" borderId="15" xfId="0" applyNumberFormat="1" applyFont="1" applyFill="1" applyBorder="1" applyAlignment="1">
      <alignment horizontal="center" vertical="center" shrinkToFit="1"/>
    </xf>
    <xf numFmtId="0" fontId="0" fillId="0" borderId="2" xfId="0" applyNumberFormat="1" applyFont="1" applyFill="1" applyBorder="1" applyAlignment="1">
      <alignment horizontal="center" vertical="center" shrinkToFit="1"/>
    </xf>
    <xf numFmtId="0" fontId="0" fillId="0" borderId="1" xfId="0" applyNumberFormat="1" applyFont="1" applyFill="1" applyBorder="1" applyAlignment="1">
      <alignment horizontal="left" vertical="center" shrinkToFit="1"/>
    </xf>
    <xf numFmtId="0" fontId="0" fillId="0" borderId="2" xfId="0" applyNumberFormat="1" applyFont="1" applyFill="1" applyBorder="1" applyAlignment="1">
      <alignment horizontal="left" vertical="center" shrinkToFit="1"/>
    </xf>
    <xf numFmtId="0" fontId="0" fillId="0" borderId="1" xfId="0" applyNumberFormat="1" applyFont="1" applyFill="1" applyBorder="1" applyAlignment="1">
      <alignment horizontal="center" vertical="center" shrinkToFit="1"/>
    </xf>
    <xf numFmtId="0" fontId="0" fillId="0" borderId="10" xfId="0" applyNumberFormat="1" applyFont="1" applyFill="1" applyBorder="1" applyAlignment="1">
      <alignment horizontal="center" vertical="center" shrinkToFit="1"/>
    </xf>
    <xf numFmtId="0" fontId="0" fillId="0" borderId="0" xfId="0" applyFont="1" applyFill="1" applyBorder="1" applyAlignment="1">
      <alignment vertical="center"/>
    </xf>
    <xf numFmtId="0" fontId="0" fillId="0" borderId="0" xfId="0" applyFont="1" applyFill="1" applyAlignment="1">
      <alignment horizontal="center"/>
    </xf>
    <xf numFmtId="0" fontId="0" fillId="0" borderId="1" xfId="0" applyFont="1" applyFill="1" applyBorder="1"/>
    <xf numFmtId="0" fontId="0" fillId="2" borderId="22" xfId="0" applyFont="1" applyFill="1" applyBorder="1" applyAlignment="1">
      <alignment horizontal="center" vertical="center"/>
    </xf>
    <xf numFmtId="0" fontId="0" fillId="2" borderId="3" xfId="0" applyFont="1" applyFill="1" applyBorder="1" applyAlignment="1">
      <alignment horizontal="center" vertical="center"/>
    </xf>
    <xf numFmtId="0" fontId="0" fillId="2" borderId="23" xfId="0" applyFont="1" applyFill="1" applyBorder="1" applyAlignment="1">
      <alignment horizontal="center" vertical="center"/>
    </xf>
    <xf numFmtId="0" fontId="0" fillId="2" borderId="21" xfId="0" applyFont="1" applyFill="1" applyBorder="1" applyAlignment="1">
      <alignment horizontal="center" vertical="center"/>
    </xf>
    <xf numFmtId="0" fontId="0" fillId="2" borderId="12" xfId="0" applyFont="1" applyFill="1" applyBorder="1" applyAlignment="1">
      <alignment horizontal="center" vertical="center"/>
    </xf>
    <xf numFmtId="0" fontId="0" fillId="0" borderId="1" xfId="0" applyFont="1" applyFill="1" applyBorder="1" applyAlignment="1">
      <alignment horizontal="right"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J118"/>
  <sheetViews>
    <sheetView showGridLines="0" tabSelected="1" topLeftCell="B1" zoomScaleNormal="100" zoomScaleSheetLayoutView="100" workbookViewId="0">
      <pane ySplit="4" topLeftCell="A56" activePane="bottomLeft" state="frozen"/>
      <selection pane="bottomLeft" activeCell="L73" sqref="L73"/>
    </sheetView>
  </sheetViews>
  <sheetFormatPr defaultRowHeight="13" x14ac:dyDescent="0.2"/>
  <cols>
    <col min="1" max="1" width="1.1796875" style="2" customWidth="1"/>
    <col min="2" max="2" width="11.81640625" style="45" customWidth="1"/>
    <col min="3" max="3" width="14.08984375" style="45" customWidth="1"/>
    <col min="4" max="4" width="28" style="5" bestFit="1" customWidth="1"/>
    <col min="5" max="5" width="18.08984375" style="5" customWidth="1"/>
    <col min="6" max="6" width="9" style="45"/>
    <col min="7" max="7" width="28.6328125" style="5" customWidth="1"/>
    <col min="8" max="9" width="14.1796875" style="45" customWidth="1"/>
    <col min="10" max="10" width="9" style="2"/>
    <col min="12" max="12" width="13.08984375" customWidth="1"/>
    <col min="13" max="13" width="23.90625" customWidth="1"/>
    <col min="14" max="14" width="21.36328125" customWidth="1"/>
    <col min="15" max="15" width="13.453125" customWidth="1"/>
    <col min="17" max="17" width="25.36328125" customWidth="1"/>
  </cols>
  <sheetData>
    <row r="2" spans="1:10" x14ac:dyDescent="0.2">
      <c r="B2" s="4" t="s">
        <v>544</v>
      </c>
      <c r="C2" s="44"/>
    </row>
    <row r="3" spans="1:10" ht="13.5" thickBot="1" x14ac:dyDescent="0.25">
      <c r="G3" s="46"/>
      <c r="H3" s="52" t="s">
        <v>583</v>
      </c>
      <c r="I3" s="52"/>
    </row>
    <row r="4" spans="1:10" s="1" customFormat="1" ht="30" customHeight="1" x14ac:dyDescent="0.2">
      <c r="A4" s="3"/>
      <c r="B4" s="50" t="s">
        <v>318</v>
      </c>
      <c r="C4" s="51"/>
      <c r="D4" s="47" t="s">
        <v>319</v>
      </c>
      <c r="E4" s="48" t="s">
        <v>431</v>
      </c>
      <c r="F4" s="47" t="s">
        <v>320</v>
      </c>
      <c r="G4" s="48" t="s">
        <v>321</v>
      </c>
      <c r="H4" s="48" t="s">
        <v>322</v>
      </c>
      <c r="I4" s="49" t="s">
        <v>550</v>
      </c>
      <c r="J4" s="3"/>
    </row>
    <row r="5" spans="1:10" s="5" customFormat="1" ht="13.5" customHeight="1" x14ac:dyDescent="0.2">
      <c r="B5" s="6" t="s">
        <v>1</v>
      </c>
      <c r="C5" s="7" t="s">
        <v>2</v>
      </c>
      <c r="D5" s="8" t="s">
        <v>3</v>
      </c>
      <c r="E5" s="9" t="s">
        <v>327</v>
      </c>
      <c r="F5" s="10" t="s">
        <v>4</v>
      </c>
      <c r="G5" s="9" t="s">
        <v>5</v>
      </c>
      <c r="H5" s="11" t="s">
        <v>432</v>
      </c>
      <c r="I5" s="12" t="s">
        <v>6</v>
      </c>
    </row>
    <row r="6" spans="1:10" s="5" customFormat="1" ht="13.5" customHeight="1" x14ac:dyDescent="0.2">
      <c r="B6" s="13" t="s">
        <v>564</v>
      </c>
      <c r="C6" s="14" t="s">
        <v>565</v>
      </c>
      <c r="D6" s="15" t="s">
        <v>7</v>
      </c>
      <c r="E6" s="16" t="s">
        <v>328</v>
      </c>
      <c r="F6" s="17" t="s">
        <v>8</v>
      </c>
      <c r="G6" s="16" t="s">
        <v>9</v>
      </c>
      <c r="H6" s="18" t="s">
        <v>433</v>
      </c>
      <c r="I6" s="19" t="s">
        <v>6</v>
      </c>
    </row>
    <row r="7" spans="1:10" s="5" customFormat="1" ht="13.5" customHeight="1" x14ac:dyDescent="0.2">
      <c r="B7" s="13"/>
      <c r="C7" s="14"/>
      <c r="D7" s="15" t="s">
        <v>10</v>
      </c>
      <c r="E7" s="16" t="s">
        <v>329</v>
      </c>
      <c r="F7" s="17" t="s">
        <v>11</v>
      </c>
      <c r="G7" s="16" t="s">
        <v>566</v>
      </c>
      <c r="H7" s="18" t="s">
        <v>434</v>
      </c>
      <c r="I7" s="19" t="s">
        <v>6</v>
      </c>
    </row>
    <row r="8" spans="1:10" s="5" customFormat="1" ht="13.5" customHeight="1" x14ac:dyDescent="0.2">
      <c r="B8" s="13"/>
      <c r="C8" s="14"/>
      <c r="D8" s="15" t="s">
        <v>12</v>
      </c>
      <c r="E8" s="16" t="s">
        <v>330</v>
      </c>
      <c r="F8" s="17" t="s">
        <v>11</v>
      </c>
      <c r="G8" s="16" t="s">
        <v>567</v>
      </c>
      <c r="H8" s="18" t="s">
        <v>435</v>
      </c>
      <c r="I8" s="19" t="s">
        <v>6</v>
      </c>
    </row>
    <row r="9" spans="1:10" s="5" customFormat="1" ht="13.5" customHeight="1" x14ac:dyDescent="0.2">
      <c r="B9" s="13"/>
      <c r="C9" s="14"/>
      <c r="D9" s="15" t="s">
        <v>13</v>
      </c>
      <c r="E9" s="16" t="s">
        <v>331</v>
      </c>
      <c r="F9" s="17" t="s">
        <v>14</v>
      </c>
      <c r="G9" s="16" t="s">
        <v>568</v>
      </c>
      <c r="H9" s="18" t="s">
        <v>436</v>
      </c>
      <c r="I9" s="19" t="s">
        <v>6</v>
      </c>
    </row>
    <row r="10" spans="1:10" s="5" customFormat="1" ht="13.5" customHeight="1" x14ac:dyDescent="0.2">
      <c r="B10" s="13"/>
      <c r="C10" s="14"/>
      <c r="D10" s="15" t="s">
        <v>15</v>
      </c>
      <c r="E10" s="16" t="s">
        <v>332</v>
      </c>
      <c r="F10" s="17" t="s">
        <v>16</v>
      </c>
      <c r="G10" s="16" t="s">
        <v>17</v>
      </c>
      <c r="H10" s="18" t="s">
        <v>437</v>
      </c>
      <c r="I10" s="19" t="s">
        <v>6</v>
      </c>
    </row>
    <row r="11" spans="1:10" s="5" customFormat="1" ht="13.5" customHeight="1" x14ac:dyDescent="0.2">
      <c r="B11" s="13"/>
      <c r="C11" s="14"/>
      <c r="D11" s="15" t="s">
        <v>405</v>
      </c>
      <c r="E11" s="16" t="s">
        <v>333</v>
      </c>
      <c r="F11" s="17" t="s">
        <v>569</v>
      </c>
      <c r="G11" s="16" t="s">
        <v>326</v>
      </c>
      <c r="H11" s="18" t="s">
        <v>438</v>
      </c>
      <c r="I11" s="19" t="s">
        <v>406</v>
      </c>
    </row>
    <row r="12" spans="1:10" s="5" customFormat="1" ht="13.5" customHeight="1" x14ac:dyDescent="0.2">
      <c r="B12" s="13"/>
      <c r="C12" s="14"/>
      <c r="D12" s="15" t="s">
        <v>18</v>
      </c>
      <c r="E12" s="16" t="s">
        <v>334</v>
      </c>
      <c r="F12" s="17" t="s">
        <v>19</v>
      </c>
      <c r="G12" s="16" t="s">
        <v>20</v>
      </c>
      <c r="H12" s="18" t="s">
        <v>439</v>
      </c>
      <c r="I12" s="19" t="s">
        <v>6</v>
      </c>
    </row>
    <row r="13" spans="1:10" s="5" customFormat="1" ht="13.5" customHeight="1" x14ac:dyDescent="0.2">
      <c r="B13" s="13"/>
      <c r="C13" s="14"/>
      <c r="D13" s="15" t="s">
        <v>21</v>
      </c>
      <c r="E13" s="16" t="s">
        <v>335</v>
      </c>
      <c r="F13" s="17" t="s">
        <v>22</v>
      </c>
      <c r="G13" s="16" t="s">
        <v>23</v>
      </c>
      <c r="H13" s="18" t="s">
        <v>440</v>
      </c>
      <c r="I13" s="19" t="s">
        <v>6</v>
      </c>
    </row>
    <row r="14" spans="1:10" s="5" customFormat="1" ht="13.5" customHeight="1" x14ac:dyDescent="0.2">
      <c r="B14" s="13"/>
      <c r="C14" s="14"/>
      <c r="D14" s="15" t="s">
        <v>24</v>
      </c>
      <c r="E14" s="16" t="s">
        <v>408</v>
      </c>
      <c r="F14" s="17" t="s">
        <v>25</v>
      </c>
      <c r="G14" s="16" t="s">
        <v>26</v>
      </c>
      <c r="H14" s="18" t="s">
        <v>441</v>
      </c>
      <c r="I14" s="19" t="s">
        <v>6</v>
      </c>
    </row>
    <row r="15" spans="1:10" s="5" customFormat="1" ht="13.5" customHeight="1" x14ac:dyDescent="0.2">
      <c r="B15" s="13"/>
      <c r="C15" s="14"/>
      <c r="D15" s="15" t="s">
        <v>27</v>
      </c>
      <c r="E15" s="16" t="s">
        <v>336</v>
      </c>
      <c r="F15" s="17" t="s">
        <v>25</v>
      </c>
      <c r="G15" s="16" t="s">
        <v>28</v>
      </c>
      <c r="H15" s="18" t="s">
        <v>442</v>
      </c>
      <c r="I15" s="19" t="s">
        <v>6</v>
      </c>
    </row>
    <row r="16" spans="1:10" s="5" customFormat="1" ht="13.5" customHeight="1" x14ac:dyDescent="0.2">
      <c r="B16" s="13"/>
      <c r="C16" s="14"/>
      <c r="D16" s="15" t="s">
        <v>29</v>
      </c>
      <c r="E16" s="16" t="s">
        <v>337</v>
      </c>
      <c r="F16" s="17" t="s">
        <v>30</v>
      </c>
      <c r="G16" s="16" t="s">
        <v>31</v>
      </c>
      <c r="H16" s="18" t="s">
        <v>443</v>
      </c>
      <c r="I16" s="19" t="s">
        <v>6</v>
      </c>
    </row>
    <row r="17" spans="2:9" s="5" customFormat="1" ht="13.5" customHeight="1" x14ac:dyDescent="0.2">
      <c r="B17" s="13"/>
      <c r="C17" s="14"/>
      <c r="D17" s="15" t="s">
        <v>32</v>
      </c>
      <c r="E17" s="16" t="s">
        <v>338</v>
      </c>
      <c r="F17" s="17" t="s">
        <v>33</v>
      </c>
      <c r="G17" s="16" t="s">
        <v>34</v>
      </c>
      <c r="H17" s="18" t="s">
        <v>444</v>
      </c>
      <c r="I17" s="19" t="s">
        <v>6</v>
      </c>
    </row>
    <row r="18" spans="2:9" s="5" customFormat="1" ht="13.5" customHeight="1" x14ac:dyDescent="0.2">
      <c r="B18" s="13"/>
      <c r="C18" s="14"/>
      <c r="D18" s="15" t="s">
        <v>35</v>
      </c>
      <c r="E18" s="16" t="s">
        <v>339</v>
      </c>
      <c r="F18" s="17" t="s">
        <v>33</v>
      </c>
      <c r="G18" s="16" t="s">
        <v>36</v>
      </c>
      <c r="H18" s="18" t="s">
        <v>445</v>
      </c>
      <c r="I18" s="19" t="s">
        <v>6</v>
      </c>
    </row>
    <row r="19" spans="2:9" s="5" customFormat="1" ht="13.5" customHeight="1" x14ac:dyDescent="0.2">
      <c r="B19" s="13"/>
      <c r="C19" s="14"/>
      <c r="D19" s="15" t="s">
        <v>37</v>
      </c>
      <c r="E19" s="16" t="s">
        <v>340</v>
      </c>
      <c r="F19" s="17" t="s">
        <v>38</v>
      </c>
      <c r="G19" s="16" t="s">
        <v>39</v>
      </c>
      <c r="H19" s="18" t="s">
        <v>446</v>
      </c>
      <c r="I19" s="19" t="s">
        <v>6</v>
      </c>
    </row>
    <row r="20" spans="2:9" s="5" customFormat="1" ht="13.5" customHeight="1" x14ac:dyDescent="0.2">
      <c r="B20" s="13"/>
      <c r="C20" s="14"/>
      <c r="D20" s="15" t="s">
        <v>40</v>
      </c>
      <c r="E20" s="16" t="s">
        <v>341</v>
      </c>
      <c r="F20" s="17" t="s">
        <v>41</v>
      </c>
      <c r="G20" s="16" t="s">
        <v>42</v>
      </c>
      <c r="H20" s="18" t="s">
        <v>447</v>
      </c>
      <c r="I20" s="19" t="s">
        <v>6</v>
      </c>
    </row>
    <row r="21" spans="2:9" s="5" customFormat="1" ht="13.5" customHeight="1" x14ac:dyDescent="0.2">
      <c r="B21" s="13"/>
      <c r="C21" s="14"/>
      <c r="D21" s="15" t="s">
        <v>43</v>
      </c>
      <c r="E21" s="16" t="s">
        <v>342</v>
      </c>
      <c r="F21" s="17" t="s">
        <v>44</v>
      </c>
      <c r="G21" s="16" t="s">
        <v>45</v>
      </c>
      <c r="H21" s="18" t="s">
        <v>448</v>
      </c>
      <c r="I21" s="19" t="s">
        <v>6</v>
      </c>
    </row>
    <row r="22" spans="2:9" s="5" customFormat="1" ht="13.5" customHeight="1" x14ac:dyDescent="0.2">
      <c r="B22" s="13"/>
      <c r="C22" s="14"/>
      <c r="D22" s="15" t="s">
        <v>46</v>
      </c>
      <c r="E22" s="16" t="s">
        <v>343</v>
      </c>
      <c r="F22" s="17" t="s">
        <v>47</v>
      </c>
      <c r="G22" s="16" t="s">
        <v>48</v>
      </c>
      <c r="H22" s="18" t="s">
        <v>449</v>
      </c>
      <c r="I22" s="19" t="s">
        <v>6</v>
      </c>
    </row>
    <row r="23" spans="2:9" s="5" customFormat="1" ht="13.5" customHeight="1" x14ac:dyDescent="0.2">
      <c r="B23" s="13"/>
      <c r="C23" s="14"/>
      <c r="D23" s="15" t="s">
        <v>49</v>
      </c>
      <c r="E23" s="16" t="s">
        <v>344</v>
      </c>
      <c r="F23" s="17" t="s">
        <v>50</v>
      </c>
      <c r="G23" s="16" t="s">
        <v>51</v>
      </c>
      <c r="H23" s="18" t="s">
        <v>450</v>
      </c>
      <c r="I23" s="19" t="s">
        <v>6</v>
      </c>
    </row>
    <row r="24" spans="2:9" s="5" customFormat="1" ht="13.5" customHeight="1" x14ac:dyDescent="0.2">
      <c r="B24" s="13"/>
      <c r="C24" s="20"/>
      <c r="D24" s="21" t="s">
        <v>52</v>
      </c>
      <c r="E24" s="22" t="s">
        <v>345</v>
      </c>
      <c r="F24" s="23" t="s">
        <v>53</v>
      </c>
      <c r="G24" s="22" t="s">
        <v>54</v>
      </c>
      <c r="H24" s="20" t="s">
        <v>451</v>
      </c>
      <c r="I24" s="24" t="s">
        <v>6</v>
      </c>
    </row>
    <row r="25" spans="2:9" s="5" customFormat="1" ht="13.5" customHeight="1" x14ac:dyDescent="0.2">
      <c r="B25" s="25"/>
      <c r="C25" s="26" t="s">
        <v>55</v>
      </c>
      <c r="D25" s="27" t="s">
        <v>56</v>
      </c>
      <c r="E25" s="28" t="s">
        <v>346</v>
      </c>
      <c r="F25" s="29" t="s">
        <v>57</v>
      </c>
      <c r="G25" s="28" t="s">
        <v>58</v>
      </c>
      <c r="H25" s="26" t="s">
        <v>452</v>
      </c>
      <c r="I25" s="30" t="s">
        <v>6</v>
      </c>
    </row>
    <row r="26" spans="2:9" s="5" customFormat="1" ht="13.5" customHeight="1" x14ac:dyDescent="0.2">
      <c r="B26" s="25"/>
      <c r="C26" s="26" t="s">
        <v>59</v>
      </c>
      <c r="D26" s="15" t="s">
        <v>60</v>
      </c>
      <c r="E26" s="16" t="s">
        <v>347</v>
      </c>
      <c r="F26" s="17" t="s">
        <v>61</v>
      </c>
      <c r="G26" s="16" t="s">
        <v>62</v>
      </c>
      <c r="H26" s="18" t="s">
        <v>453</v>
      </c>
      <c r="I26" s="19" t="s">
        <v>6</v>
      </c>
    </row>
    <row r="27" spans="2:9" s="5" customFormat="1" ht="13.5" customHeight="1" x14ac:dyDescent="0.2">
      <c r="B27" s="25"/>
      <c r="C27" s="26"/>
      <c r="D27" s="15" t="s">
        <v>63</v>
      </c>
      <c r="E27" s="16" t="s">
        <v>348</v>
      </c>
      <c r="F27" s="17" t="s">
        <v>64</v>
      </c>
      <c r="G27" s="16" t="s">
        <v>65</v>
      </c>
      <c r="H27" s="18" t="s">
        <v>454</v>
      </c>
      <c r="I27" s="19" t="s">
        <v>6</v>
      </c>
    </row>
    <row r="28" spans="2:9" s="5" customFormat="1" ht="13.5" customHeight="1" x14ac:dyDescent="0.2">
      <c r="B28" s="25"/>
      <c r="C28" s="26"/>
      <c r="D28" s="15" t="s">
        <v>66</v>
      </c>
      <c r="E28" s="16" t="s">
        <v>349</v>
      </c>
      <c r="F28" s="17" t="s">
        <v>67</v>
      </c>
      <c r="G28" s="16" t="s">
        <v>68</v>
      </c>
      <c r="H28" s="18" t="s">
        <v>455</v>
      </c>
      <c r="I28" s="19" t="s">
        <v>6</v>
      </c>
    </row>
    <row r="29" spans="2:9" s="5" customFormat="1" ht="13.5" customHeight="1" x14ac:dyDescent="0.2">
      <c r="B29" s="25"/>
      <c r="C29" s="26"/>
      <c r="D29" s="15" t="s">
        <v>69</v>
      </c>
      <c r="E29" s="16" t="s">
        <v>350</v>
      </c>
      <c r="F29" s="17" t="s">
        <v>70</v>
      </c>
      <c r="G29" s="16" t="s">
        <v>71</v>
      </c>
      <c r="H29" s="18" t="s">
        <v>456</v>
      </c>
      <c r="I29" s="19" t="s">
        <v>6</v>
      </c>
    </row>
    <row r="30" spans="2:9" s="5" customFormat="1" ht="13.5" customHeight="1" x14ac:dyDescent="0.2">
      <c r="B30" s="25"/>
      <c r="C30" s="26"/>
      <c r="D30" s="15" t="s">
        <v>72</v>
      </c>
      <c r="E30" s="16" t="s">
        <v>409</v>
      </c>
      <c r="F30" s="17" t="s">
        <v>73</v>
      </c>
      <c r="G30" s="16" t="s">
        <v>74</v>
      </c>
      <c r="H30" s="18" t="s">
        <v>457</v>
      </c>
      <c r="I30" s="19" t="s">
        <v>6</v>
      </c>
    </row>
    <row r="31" spans="2:9" s="5" customFormat="1" ht="13.5" customHeight="1" x14ac:dyDescent="0.2">
      <c r="B31" s="25"/>
      <c r="C31" s="26"/>
      <c r="D31" s="15" t="s">
        <v>75</v>
      </c>
      <c r="E31" s="16" t="s">
        <v>351</v>
      </c>
      <c r="F31" s="17" t="s">
        <v>570</v>
      </c>
      <c r="G31" s="16" t="s">
        <v>76</v>
      </c>
      <c r="H31" s="18" t="s">
        <v>458</v>
      </c>
      <c r="I31" s="19" t="s">
        <v>6</v>
      </c>
    </row>
    <row r="32" spans="2:9" s="5" customFormat="1" ht="13.5" customHeight="1" x14ac:dyDescent="0.2">
      <c r="B32" s="25"/>
      <c r="C32" s="26"/>
      <c r="D32" s="15" t="s">
        <v>77</v>
      </c>
      <c r="E32" s="16" t="s">
        <v>352</v>
      </c>
      <c r="F32" s="17" t="s">
        <v>78</v>
      </c>
      <c r="G32" s="16" t="s">
        <v>79</v>
      </c>
      <c r="H32" s="18" t="s">
        <v>459</v>
      </c>
      <c r="I32" s="19" t="s">
        <v>6</v>
      </c>
    </row>
    <row r="33" spans="2:9" s="5" customFormat="1" ht="13.5" customHeight="1" x14ac:dyDescent="0.2">
      <c r="B33" s="25"/>
      <c r="C33" s="26"/>
      <c r="D33" s="15" t="s">
        <v>80</v>
      </c>
      <c r="E33" s="16" t="s">
        <v>353</v>
      </c>
      <c r="F33" s="17" t="s">
        <v>81</v>
      </c>
      <c r="G33" s="16" t="s">
        <v>82</v>
      </c>
      <c r="H33" s="18" t="s">
        <v>460</v>
      </c>
      <c r="I33" s="19" t="s">
        <v>6</v>
      </c>
    </row>
    <row r="34" spans="2:9" s="5" customFormat="1" ht="13.5" customHeight="1" x14ac:dyDescent="0.2">
      <c r="B34" s="25"/>
      <c r="C34" s="26"/>
      <c r="D34" s="15" t="s">
        <v>83</v>
      </c>
      <c r="E34" s="16" t="s">
        <v>354</v>
      </c>
      <c r="F34" s="17" t="s">
        <v>84</v>
      </c>
      <c r="G34" s="16" t="s">
        <v>85</v>
      </c>
      <c r="H34" s="18" t="s">
        <v>461</v>
      </c>
      <c r="I34" s="19" t="s">
        <v>6</v>
      </c>
    </row>
    <row r="35" spans="2:9" s="5" customFormat="1" ht="13.5" customHeight="1" x14ac:dyDescent="0.2">
      <c r="B35" s="25"/>
      <c r="C35" s="26"/>
      <c r="D35" s="15" t="s">
        <v>86</v>
      </c>
      <c r="E35" s="16" t="s">
        <v>355</v>
      </c>
      <c r="F35" s="17" t="s">
        <v>87</v>
      </c>
      <c r="G35" s="16" t="s">
        <v>356</v>
      </c>
      <c r="H35" s="18" t="s">
        <v>462</v>
      </c>
      <c r="I35" s="19" t="s">
        <v>6</v>
      </c>
    </row>
    <row r="36" spans="2:9" s="5" customFormat="1" ht="13.5" customHeight="1" x14ac:dyDescent="0.2">
      <c r="B36" s="25"/>
      <c r="C36" s="26"/>
      <c r="D36" s="15" t="s">
        <v>88</v>
      </c>
      <c r="E36" s="16" t="s">
        <v>410</v>
      </c>
      <c r="F36" s="17" t="s">
        <v>89</v>
      </c>
      <c r="G36" s="16" t="s">
        <v>90</v>
      </c>
      <c r="H36" s="18" t="s">
        <v>463</v>
      </c>
      <c r="I36" s="19" t="s">
        <v>6</v>
      </c>
    </row>
    <row r="37" spans="2:9" s="5" customFormat="1" ht="13.5" customHeight="1" x14ac:dyDescent="0.2">
      <c r="B37" s="25"/>
      <c r="C37" s="26"/>
      <c r="D37" s="27" t="s">
        <v>91</v>
      </c>
      <c r="E37" s="28" t="s">
        <v>357</v>
      </c>
      <c r="F37" s="29" t="s">
        <v>89</v>
      </c>
      <c r="G37" s="28" t="s">
        <v>92</v>
      </c>
      <c r="H37" s="26" t="s">
        <v>464</v>
      </c>
      <c r="I37" s="30" t="s">
        <v>6</v>
      </c>
    </row>
    <row r="38" spans="2:9" s="5" customFormat="1" ht="13.5" customHeight="1" x14ac:dyDescent="0.2">
      <c r="B38" s="25"/>
      <c r="C38" s="11" t="s">
        <v>93</v>
      </c>
      <c r="D38" s="8" t="s">
        <v>94</v>
      </c>
      <c r="E38" s="9" t="s">
        <v>358</v>
      </c>
      <c r="F38" s="10" t="s">
        <v>95</v>
      </c>
      <c r="G38" s="9" t="s">
        <v>96</v>
      </c>
      <c r="H38" s="11" t="s">
        <v>465</v>
      </c>
      <c r="I38" s="12" t="s">
        <v>6</v>
      </c>
    </row>
    <row r="39" spans="2:9" s="5" customFormat="1" ht="13.5" customHeight="1" x14ac:dyDescent="0.2">
      <c r="B39" s="25"/>
      <c r="C39" s="26" t="s">
        <v>571</v>
      </c>
      <c r="D39" s="15" t="s">
        <v>97</v>
      </c>
      <c r="E39" s="16" t="s">
        <v>359</v>
      </c>
      <c r="F39" s="17" t="s">
        <v>95</v>
      </c>
      <c r="G39" s="16" t="s">
        <v>98</v>
      </c>
      <c r="H39" s="18" t="s">
        <v>466</v>
      </c>
      <c r="I39" s="19" t="s">
        <v>6</v>
      </c>
    </row>
    <row r="40" spans="2:9" s="5" customFormat="1" ht="13.5" customHeight="1" x14ac:dyDescent="0.2">
      <c r="B40" s="25"/>
      <c r="C40" s="26"/>
      <c r="D40" s="15" t="s">
        <v>99</v>
      </c>
      <c r="E40" s="16" t="s">
        <v>411</v>
      </c>
      <c r="F40" s="17" t="s">
        <v>100</v>
      </c>
      <c r="G40" s="16" t="s">
        <v>101</v>
      </c>
      <c r="H40" s="18" t="s">
        <v>467</v>
      </c>
      <c r="I40" s="19" t="s">
        <v>6</v>
      </c>
    </row>
    <row r="41" spans="2:9" s="5" customFormat="1" ht="13.5" customHeight="1" x14ac:dyDescent="0.2">
      <c r="B41" s="25"/>
      <c r="C41" s="26"/>
      <c r="D41" s="15" t="s">
        <v>102</v>
      </c>
      <c r="E41" s="16" t="s">
        <v>412</v>
      </c>
      <c r="F41" s="17" t="s">
        <v>103</v>
      </c>
      <c r="G41" s="16" t="s">
        <v>104</v>
      </c>
      <c r="H41" s="18" t="s">
        <v>468</v>
      </c>
      <c r="I41" s="19" t="s">
        <v>6</v>
      </c>
    </row>
    <row r="42" spans="2:9" s="5" customFormat="1" ht="13.5" customHeight="1" x14ac:dyDescent="0.2">
      <c r="B42" s="25"/>
      <c r="C42" s="26"/>
      <c r="D42" s="15" t="s">
        <v>105</v>
      </c>
      <c r="E42" s="16" t="s">
        <v>413</v>
      </c>
      <c r="F42" s="17" t="s">
        <v>106</v>
      </c>
      <c r="G42" s="16" t="s">
        <v>572</v>
      </c>
      <c r="H42" s="18" t="s">
        <v>469</v>
      </c>
      <c r="I42" s="19" t="s">
        <v>6</v>
      </c>
    </row>
    <row r="43" spans="2:9" s="5" customFormat="1" ht="13.5" customHeight="1" x14ac:dyDescent="0.2">
      <c r="B43" s="25"/>
      <c r="C43" s="26"/>
      <c r="D43" s="15" t="s">
        <v>107</v>
      </c>
      <c r="E43" s="16" t="s">
        <v>414</v>
      </c>
      <c r="F43" s="17" t="s">
        <v>108</v>
      </c>
      <c r="G43" s="16" t="s">
        <v>109</v>
      </c>
      <c r="H43" s="18" t="s">
        <v>470</v>
      </c>
      <c r="I43" s="19" t="s">
        <v>6</v>
      </c>
    </row>
    <row r="44" spans="2:9" s="5" customFormat="1" ht="13.5" customHeight="1" x14ac:dyDescent="0.2">
      <c r="B44" s="25"/>
      <c r="C44" s="26"/>
      <c r="D44" s="15" t="s">
        <v>110</v>
      </c>
      <c r="E44" s="16" t="s">
        <v>360</v>
      </c>
      <c r="F44" s="17" t="s">
        <v>551</v>
      </c>
      <c r="G44" s="16" t="s">
        <v>573</v>
      </c>
      <c r="H44" s="18" t="s">
        <v>471</v>
      </c>
      <c r="I44" s="19" t="s">
        <v>6</v>
      </c>
    </row>
    <row r="45" spans="2:9" s="5" customFormat="1" ht="13.5" customHeight="1" x14ac:dyDescent="0.2">
      <c r="B45" s="25"/>
      <c r="C45" s="26"/>
      <c r="D45" s="15" t="s">
        <v>111</v>
      </c>
      <c r="E45" s="16" t="s">
        <v>415</v>
      </c>
      <c r="F45" s="17" t="s">
        <v>112</v>
      </c>
      <c r="G45" s="16" t="s">
        <v>113</v>
      </c>
      <c r="H45" s="18" t="s">
        <v>472</v>
      </c>
      <c r="I45" s="19" t="s">
        <v>6</v>
      </c>
    </row>
    <row r="46" spans="2:9" s="5" customFormat="1" ht="13.5" customHeight="1" x14ac:dyDescent="0.2">
      <c r="B46" s="25"/>
      <c r="C46" s="26"/>
      <c r="D46" s="15" t="s">
        <v>114</v>
      </c>
      <c r="E46" s="16" t="s">
        <v>416</v>
      </c>
      <c r="F46" s="17" t="s">
        <v>115</v>
      </c>
      <c r="G46" s="16" t="s">
        <v>116</v>
      </c>
      <c r="H46" s="18" t="s">
        <v>473</v>
      </c>
      <c r="I46" s="19" t="s">
        <v>6</v>
      </c>
    </row>
    <row r="47" spans="2:9" s="5" customFormat="1" ht="13.5" customHeight="1" x14ac:dyDescent="0.2">
      <c r="B47" s="25"/>
      <c r="C47" s="26"/>
      <c r="D47" s="15" t="s">
        <v>117</v>
      </c>
      <c r="E47" s="16" t="s">
        <v>407</v>
      </c>
      <c r="F47" s="17" t="s">
        <v>118</v>
      </c>
      <c r="G47" s="16" t="s">
        <v>574</v>
      </c>
      <c r="H47" s="18" t="s">
        <v>474</v>
      </c>
      <c r="I47" s="19" t="s">
        <v>6</v>
      </c>
    </row>
    <row r="48" spans="2:9" s="5" customFormat="1" ht="13.5" customHeight="1" x14ac:dyDescent="0.2">
      <c r="B48" s="25"/>
      <c r="C48" s="26"/>
      <c r="D48" s="15" t="s">
        <v>119</v>
      </c>
      <c r="E48" s="16" t="s">
        <v>417</v>
      </c>
      <c r="F48" s="17" t="s">
        <v>120</v>
      </c>
      <c r="G48" s="16" t="s">
        <v>121</v>
      </c>
      <c r="H48" s="18" t="s">
        <v>475</v>
      </c>
      <c r="I48" s="19" t="s">
        <v>6</v>
      </c>
    </row>
    <row r="49" spans="2:9" s="5" customFormat="1" ht="13.5" customHeight="1" x14ac:dyDescent="0.2">
      <c r="B49" s="25"/>
      <c r="C49" s="26"/>
      <c r="D49" s="15" t="s">
        <v>122</v>
      </c>
      <c r="E49" s="16" t="s">
        <v>418</v>
      </c>
      <c r="F49" s="17" t="s">
        <v>123</v>
      </c>
      <c r="G49" s="16" t="s">
        <v>124</v>
      </c>
      <c r="H49" s="18" t="s">
        <v>476</v>
      </c>
      <c r="I49" s="19" t="s">
        <v>6</v>
      </c>
    </row>
    <row r="50" spans="2:9" s="5" customFormat="1" ht="13.5" customHeight="1" x14ac:dyDescent="0.2">
      <c r="B50" s="25"/>
      <c r="C50" s="26"/>
      <c r="D50" s="15" t="s">
        <v>125</v>
      </c>
      <c r="E50" s="16" t="s">
        <v>361</v>
      </c>
      <c r="F50" s="17" t="s">
        <v>126</v>
      </c>
      <c r="G50" s="16" t="s">
        <v>127</v>
      </c>
      <c r="H50" s="18" t="s">
        <v>477</v>
      </c>
      <c r="I50" s="19" t="s">
        <v>6</v>
      </c>
    </row>
    <row r="51" spans="2:9" s="5" customFormat="1" ht="13.5" customHeight="1" x14ac:dyDescent="0.2">
      <c r="B51" s="25"/>
      <c r="C51" s="26"/>
      <c r="D51" s="15" t="s">
        <v>128</v>
      </c>
      <c r="E51" s="16" t="s">
        <v>362</v>
      </c>
      <c r="F51" s="17" t="s">
        <v>129</v>
      </c>
      <c r="G51" s="16" t="s">
        <v>130</v>
      </c>
      <c r="H51" s="18" t="s">
        <v>478</v>
      </c>
      <c r="I51" s="19" t="s">
        <v>6</v>
      </c>
    </row>
    <row r="52" spans="2:9" s="5" customFormat="1" ht="13.5" customHeight="1" x14ac:dyDescent="0.2">
      <c r="B52" s="25"/>
      <c r="C52" s="26"/>
      <c r="D52" s="15" t="s">
        <v>131</v>
      </c>
      <c r="E52" s="16" t="s">
        <v>419</v>
      </c>
      <c r="F52" s="17" t="s">
        <v>132</v>
      </c>
      <c r="G52" s="16" t="s">
        <v>133</v>
      </c>
      <c r="H52" s="18" t="s">
        <v>479</v>
      </c>
      <c r="I52" s="19" t="s">
        <v>6</v>
      </c>
    </row>
    <row r="53" spans="2:9" s="5" customFormat="1" ht="13.5" customHeight="1" x14ac:dyDescent="0.2">
      <c r="B53" s="25"/>
      <c r="C53" s="26"/>
      <c r="D53" s="15" t="s">
        <v>134</v>
      </c>
      <c r="E53" s="16" t="s">
        <v>420</v>
      </c>
      <c r="F53" s="17" t="s">
        <v>132</v>
      </c>
      <c r="G53" s="16" t="s">
        <v>135</v>
      </c>
      <c r="H53" s="18" t="s">
        <v>480</v>
      </c>
      <c r="I53" s="19" t="s">
        <v>6</v>
      </c>
    </row>
    <row r="54" spans="2:9" s="5" customFormat="1" ht="13.5" customHeight="1" x14ac:dyDescent="0.2">
      <c r="B54" s="25"/>
      <c r="C54" s="26"/>
      <c r="D54" s="15" t="s">
        <v>136</v>
      </c>
      <c r="E54" s="16" t="s">
        <v>363</v>
      </c>
      <c r="F54" s="17" t="s">
        <v>137</v>
      </c>
      <c r="G54" s="16" t="s">
        <v>138</v>
      </c>
      <c r="H54" s="18" t="s">
        <v>481</v>
      </c>
      <c r="I54" s="19" t="s">
        <v>6</v>
      </c>
    </row>
    <row r="55" spans="2:9" s="5" customFormat="1" ht="13.5" customHeight="1" x14ac:dyDescent="0.2">
      <c r="B55" s="25"/>
      <c r="C55" s="26"/>
      <c r="D55" s="27" t="s">
        <v>139</v>
      </c>
      <c r="E55" s="28" t="s">
        <v>364</v>
      </c>
      <c r="F55" s="29" t="s">
        <v>140</v>
      </c>
      <c r="G55" s="28" t="s">
        <v>141</v>
      </c>
      <c r="H55" s="26" t="s">
        <v>482</v>
      </c>
      <c r="I55" s="31" t="s">
        <v>549</v>
      </c>
    </row>
    <row r="56" spans="2:9" s="5" customFormat="1" ht="13.5" customHeight="1" x14ac:dyDescent="0.2">
      <c r="B56" s="25"/>
      <c r="C56" s="20"/>
      <c r="D56" s="32" t="s">
        <v>545</v>
      </c>
      <c r="E56" s="33" t="s">
        <v>546</v>
      </c>
      <c r="F56" s="34" t="s">
        <v>547</v>
      </c>
      <c r="G56" s="33" t="s">
        <v>548</v>
      </c>
      <c r="H56" s="35" t="s">
        <v>553</v>
      </c>
      <c r="I56" s="36" t="s">
        <v>6</v>
      </c>
    </row>
    <row r="57" spans="2:9" s="5" customFormat="1" ht="13.5" customHeight="1" x14ac:dyDescent="0.2">
      <c r="B57" s="13"/>
      <c r="C57" s="14" t="s">
        <v>142</v>
      </c>
      <c r="D57" s="27" t="s">
        <v>143</v>
      </c>
      <c r="E57" s="28" t="s">
        <v>365</v>
      </c>
      <c r="F57" s="29" t="s">
        <v>144</v>
      </c>
      <c r="G57" s="28" t="s">
        <v>145</v>
      </c>
      <c r="H57" s="26" t="s">
        <v>483</v>
      </c>
      <c r="I57" s="37" t="s">
        <v>6</v>
      </c>
    </row>
    <row r="58" spans="2:9" s="5" customFormat="1" ht="13.5" customHeight="1" x14ac:dyDescent="0.2">
      <c r="B58" s="13"/>
      <c r="C58" s="14" t="s">
        <v>146</v>
      </c>
      <c r="D58" s="15" t="s">
        <v>147</v>
      </c>
      <c r="E58" s="16" t="s">
        <v>366</v>
      </c>
      <c r="F58" s="17" t="s">
        <v>148</v>
      </c>
      <c r="G58" s="16" t="s">
        <v>149</v>
      </c>
      <c r="H58" s="18" t="s">
        <v>484</v>
      </c>
      <c r="I58" s="19" t="s">
        <v>6</v>
      </c>
    </row>
    <row r="59" spans="2:9" s="5" customFormat="1" ht="13.5" customHeight="1" x14ac:dyDescent="0.2">
      <c r="B59" s="13"/>
      <c r="C59" s="14"/>
      <c r="D59" s="15" t="s">
        <v>150</v>
      </c>
      <c r="E59" s="16" t="s">
        <v>367</v>
      </c>
      <c r="F59" s="17" t="s">
        <v>151</v>
      </c>
      <c r="G59" s="16" t="s">
        <v>554</v>
      </c>
      <c r="H59" s="18" t="s">
        <v>485</v>
      </c>
      <c r="I59" s="19" t="s">
        <v>6</v>
      </c>
    </row>
    <row r="60" spans="2:9" s="5" customFormat="1" ht="13.5" customHeight="1" x14ac:dyDescent="0.2">
      <c r="B60" s="13"/>
      <c r="C60" s="14"/>
      <c r="D60" s="15" t="s">
        <v>152</v>
      </c>
      <c r="E60" s="16" t="s">
        <v>421</v>
      </c>
      <c r="F60" s="17" t="s">
        <v>153</v>
      </c>
      <c r="G60" s="16" t="s">
        <v>154</v>
      </c>
      <c r="H60" s="18" t="s">
        <v>486</v>
      </c>
      <c r="I60" s="19" t="s">
        <v>6</v>
      </c>
    </row>
    <row r="61" spans="2:9" s="5" customFormat="1" ht="13.5" customHeight="1" x14ac:dyDescent="0.2">
      <c r="B61" s="13"/>
      <c r="C61" s="14"/>
      <c r="D61" s="15" t="s">
        <v>155</v>
      </c>
      <c r="E61" s="16" t="s">
        <v>156</v>
      </c>
      <c r="F61" s="17" t="s">
        <v>157</v>
      </c>
      <c r="G61" s="16" t="s">
        <v>158</v>
      </c>
      <c r="H61" s="18" t="s">
        <v>487</v>
      </c>
      <c r="I61" s="19" t="s">
        <v>6</v>
      </c>
    </row>
    <row r="62" spans="2:9" s="5" customFormat="1" ht="13.5" customHeight="1" x14ac:dyDescent="0.2">
      <c r="B62" s="13"/>
      <c r="C62" s="14"/>
      <c r="D62" s="15" t="s">
        <v>159</v>
      </c>
      <c r="E62" s="16" t="s">
        <v>368</v>
      </c>
      <c r="F62" s="17" t="s">
        <v>160</v>
      </c>
      <c r="G62" s="16" t="s">
        <v>161</v>
      </c>
      <c r="H62" s="18" t="s">
        <v>488</v>
      </c>
      <c r="I62" s="19" t="s">
        <v>6</v>
      </c>
    </row>
    <row r="63" spans="2:9" s="5" customFormat="1" ht="13.5" customHeight="1" x14ac:dyDescent="0.2">
      <c r="B63" s="13"/>
      <c r="C63" s="14"/>
      <c r="D63" s="15" t="s">
        <v>162</v>
      </c>
      <c r="E63" s="16" t="s">
        <v>369</v>
      </c>
      <c r="F63" s="17" t="s">
        <v>163</v>
      </c>
      <c r="G63" s="16" t="s">
        <v>164</v>
      </c>
      <c r="H63" s="18" t="s">
        <v>489</v>
      </c>
      <c r="I63" s="19" t="s">
        <v>6</v>
      </c>
    </row>
    <row r="64" spans="2:9" s="5" customFormat="1" ht="13.5" customHeight="1" x14ac:dyDescent="0.2">
      <c r="B64" s="13"/>
      <c r="C64" s="14"/>
      <c r="D64" s="15" t="s">
        <v>165</v>
      </c>
      <c r="E64" s="16" t="s">
        <v>370</v>
      </c>
      <c r="F64" s="17" t="s">
        <v>166</v>
      </c>
      <c r="G64" s="16" t="s">
        <v>575</v>
      </c>
      <c r="H64" s="18" t="s">
        <v>490</v>
      </c>
      <c r="I64" s="19" t="s">
        <v>6</v>
      </c>
    </row>
    <row r="65" spans="2:9" s="5" customFormat="1" ht="13.5" customHeight="1" x14ac:dyDescent="0.2">
      <c r="B65" s="13"/>
      <c r="C65" s="14"/>
      <c r="D65" s="15" t="s">
        <v>167</v>
      </c>
      <c r="E65" s="16" t="s">
        <v>371</v>
      </c>
      <c r="F65" s="17" t="s">
        <v>168</v>
      </c>
      <c r="G65" s="16" t="s">
        <v>169</v>
      </c>
      <c r="H65" s="18" t="s">
        <v>491</v>
      </c>
      <c r="I65" s="19" t="s">
        <v>6</v>
      </c>
    </row>
    <row r="66" spans="2:9" s="5" customFormat="1" ht="13.5" customHeight="1" x14ac:dyDescent="0.2">
      <c r="B66" s="13"/>
      <c r="C66" s="14"/>
      <c r="D66" s="15" t="s">
        <v>170</v>
      </c>
      <c r="E66" s="16" t="s">
        <v>372</v>
      </c>
      <c r="F66" s="17" t="s">
        <v>171</v>
      </c>
      <c r="G66" s="16" t="s">
        <v>555</v>
      </c>
      <c r="H66" s="18" t="s">
        <v>492</v>
      </c>
      <c r="I66" s="19" t="s">
        <v>6</v>
      </c>
    </row>
    <row r="67" spans="2:9" s="5" customFormat="1" ht="13.5" customHeight="1" x14ac:dyDescent="0.2">
      <c r="B67" s="13"/>
      <c r="C67" s="14"/>
      <c r="D67" s="15" t="s">
        <v>172</v>
      </c>
      <c r="E67" s="16" t="s">
        <v>422</v>
      </c>
      <c r="F67" s="17" t="s">
        <v>171</v>
      </c>
      <c r="G67" s="16" t="s">
        <v>556</v>
      </c>
      <c r="H67" s="18" t="s">
        <v>493</v>
      </c>
      <c r="I67" s="19" t="s">
        <v>6</v>
      </c>
    </row>
    <row r="68" spans="2:9" s="5" customFormat="1" ht="13.5" customHeight="1" x14ac:dyDescent="0.2">
      <c r="B68" s="13"/>
      <c r="C68" s="14"/>
      <c r="D68" s="15" t="s">
        <v>173</v>
      </c>
      <c r="E68" s="16" t="s">
        <v>174</v>
      </c>
      <c r="F68" s="17" t="s">
        <v>175</v>
      </c>
      <c r="G68" s="16" t="s">
        <v>176</v>
      </c>
      <c r="H68" s="18" t="s">
        <v>494</v>
      </c>
      <c r="I68" s="19" t="s">
        <v>6</v>
      </c>
    </row>
    <row r="69" spans="2:9" s="5" customFormat="1" ht="13.5" customHeight="1" x14ac:dyDescent="0.2">
      <c r="B69" s="13"/>
      <c r="C69" s="14"/>
      <c r="D69" s="15" t="s">
        <v>177</v>
      </c>
      <c r="E69" s="16" t="s">
        <v>423</v>
      </c>
      <c r="F69" s="17" t="s">
        <v>178</v>
      </c>
      <c r="G69" s="16" t="s">
        <v>582</v>
      </c>
      <c r="H69" s="18" t="s">
        <v>495</v>
      </c>
      <c r="I69" s="19" t="s">
        <v>6</v>
      </c>
    </row>
    <row r="70" spans="2:9" s="5" customFormat="1" ht="13.5" customHeight="1" x14ac:dyDescent="0.2">
      <c r="B70" s="13"/>
      <c r="C70" s="14"/>
      <c r="D70" s="15" t="s">
        <v>179</v>
      </c>
      <c r="E70" s="16" t="s">
        <v>373</v>
      </c>
      <c r="F70" s="17" t="s">
        <v>178</v>
      </c>
      <c r="G70" s="16" t="s">
        <v>581</v>
      </c>
      <c r="H70" s="18" t="s">
        <v>496</v>
      </c>
      <c r="I70" s="19" t="s">
        <v>6</v>
      </c>
    </row>
    <row r="71" spans="2:9" s="5" customFormat="1" ht="13.5" customHeight="1" x14ac:dyDescent="0.2">
      <c r="B71" s="13"/>
      <c r="C71" s="14"/>
      <c r="D71" s="27" t="s">
        <v>180</v>
      </c>
      <c r="E71" s="28" t="s">
        <v>374</v>
      </c>
      <c r="F71" s="29" t="s">
        <v>181</v>
      </c>
      <c r="G71" s="28" t="s">
        <v>182</v>
      </c>
      <c r="H71" s="26" t="s">
        <v>497</v>
      </c>
      <c r="I71" s="30" t="s">
        <v>6</v>
      </c>
    </row>
    <row r="72" spans="2:9" s="5" customFormat="1" ht="13.5" customHeight="1" x14ac:dyDescent="0.2">
      <c r="B72" s="13"/>
      <c r="C72" s="11" t="s">
        <v>183</v>
      </c>
      <c r="D72" s="8" t="s">
        <v>184</v>
      </c>
      <c r="E72" s="9" t="s">
        <v>375</v>
      </c>
      <c r="F72" s="10" t="s">
        <v>552</v>
      </c>
      <c r="G72" s="9" t="s">
        <v>576</v>
      </c>
      <c r="H72" s="11" t="s">
        <v>498</v>
      </c>
      <c r="I72" s="12" t="s">
        <v>6</v>
      </c>
    </row>
    <row r="73" spans="2:9" s="5" customFormat="1" ht="13.5" customHeight="1" x14ac:dyDescent="0.2">
      <c r="B73" s="13"/>
      <c r="C73" s="26" t="s">
        <v>323</v>
      </c>
      <c r="D73" s="15" t="s">
        <v>185</v>
      </c>
      <c r="E73" s="16" t="s">
        <v>376</v>
      </c>
      <c r="F73" s="17" t="s">
        <v>560</v>
      </c>
      <c r="G73" s="16" t="s">
        <v>580</v>
      </c>
      <c r="H73" s="18" t="s">
        <v>499</v>
      </c>
      <c r="I73" s="19" t="s">
        <v>6</v>
      </c>
    </row>
    <row r="74" spans="2:9" s="5" customFormat="1" ht="13.5" customHeight="1" x14ac:dyDescent="0.2">
      <c r="B74" s="13"/>
      <c r="C74" s="26"/>
      <c r="D74" s="15" t="s">
        <v>186</v>
      </c>
      <c r="E74" s="16" t="s">
        <v>377</v>
      </c>
      <c r="F74" s="17" t="s">
        <v>561</v>
      </c>
      <c r="G74" s="16" t="s">
        <v>563</v>
      </c>
      <c r="H74" s="18" t="s">
        <v>500</v>
      </c>
      <c r="I74" s="19" t="s">
        <v>6</v>
      </c>
    </row>
    <row r="75" spans="2:9" s="5" customFormat="1" ht="13.5" customHeight="1" x14ac:dyDescent="0.2">
      <c r="B75" s="13"/>
      <c r="C75" s="26"/>
      <c r="D75" s="15" t="s">
        <v>187</v>
      </c>
      <c r="E75" s="16" t="s">
        <v>424</v>
      </c>
      <c r="F75" s="17" t="s">
        <v>188</v>
      </c>
      <c r="G75" s="16" t="s">
        <v>577</v>
      </c>
      <c r="H75" s="18" t="s">
        <v>501</v>
      </c>
      <c r="I75" s="19" t="s">
        <v>6</v>
      </c>
    </row>
    <row r="76" spans="2:9" s="5" customFormat="1" ht="13.5" customHeight="1" x14ac:dyDescent="0.2">
      <c r="B76" s="13"/>
      <c r="C76" s="26"/>
      <c r="D76" s="15" t="s">
        <v>189</v>
      </c>
      <c r="E76" s="16" t="s">
        <v>425</v>
      </c>
      <c r="F76" s="17" t="s">
        <v>190</v>
      </c>
      <c r="G76" s="16" t="s">
        <v>191</v>
      </c>
      <c r="H76" s="18" t="s">
        <v>502</v>
      </c>
      <c r="I76" s="19" t="s">
        <v>6</v>
      </c>
    </row>
    <row r="77" spans="2:9" s="5" customFormat="1" ht="13.5" customHeight="1" x14ac:dyDescent="0.2">
      <c r="B77" s="13"/>
      <c r="C77" s="26"/>
      <c r="D77" s="15" t="s">
        <v>192</v>
      </c>
      <c r="E77" s="16" t="s">
        <v>378</v>
      </c>
      <c r="F77" s="17" t="s">
        <v>193</v>
      </c>
      <c r="G77" s="16" t="s">
        <v>194</v>
      </c>
      <c r="H77" s="18" t="s">
        <v>503</v>
      </c>
      <c r="I77" s="19" t="s">
        <v>6</v>
      </c>
    </row>
    <row r="78" spans="2:9" s="5" customFormat="1" ht="13.5" customHeight="1" x14ac:dyDescent="0.2">
      <c r="B78" s="13"/>
      <c r="C78" s="26"/>
      <c r="D78" s="15" t="s">
        <v>195</v>
      </c>
      <c r="E78" s="16" t="s">
        <v>379</v>
      </c>
      <c r="F78" s="17" t="s">
        <v>196</v>
      </c>
      <c r="G78" s="16" t="s">
        <v>197</v>
      </c>
      <c r="H78" s="18" t="s">
        <v>504</v>
      </c>
      <c r="I78" s="19" t="s">
        <v>6</v>
      </c>
    </row>
    <row r="79" spans="2:9" s="5" customFormat="1" ht="13.5" customHeight="1" x14ac:dyDescent="0.2">
      <c r="B79" s="13"/>
      <c r="C79" s="26"/>
      <c r="D79" s="15" t="s">
        <v>198</v>
      </c>
      <c r="E79" s="16" t="s">
        <v>324</v>
      </c>
      <c r="F79" s="17" t="s">
        <v>199</v>
      </c>
      <c r="G79" s="16" t="s">
        <v>200</v>
      </c>
      <c r="H79" s="18" t="s">
        <v>505</v>
      </c>
      <c r="I79" s="19" t="s">
        <v>6</v>
      </c>
    </row>
    <row r="80" spans="2:9" s="5" customFormat="1" ht="13.5" customHeight="1" x14ac:dyDescent="0.2">
      <c r="B80" s="13"/>
      <c r="C80" s="26"/>
      <c r="D80" s="15" t="s">
        <v>201</v>
      </c>
      <c r="E80" s="16" t="s">
        <v>380</v>
      </c>
      <c r="F80" s="17" t="s">
        <v>199</v>
      </c>
      <c r="G80" s="16" t="s">
        <v>202</v>
      </c>
      <c r="H80" s="18" t="s">
        <v>506</v>
      </c>
      <c r="I80" s="19" t="s">
        <v>6</v>
      </c>
    </row>
    <row r="81" spans="2:9" s="5" customFormat="1" ht="13.5" customHeight="1" x14ac:dyDescent="0.2">
      <c r="B81" s="13"/>
      <c r="C81" s="26"/>
      <c r="D81" s="15" t="s">
        <v>203</v>
      </c>
      <c r="E81" s="16" t="s">
        <v>426</v>
      </c>
      <c r="F81" s="17" t="s">
        <v>204</v>
      </c>
      <c r="G81" s="16" t="s">
        <v>557</v>
      </c>
      <c r="H81" s="18" t="s">
        <v>507</v>
      </c>
      <c r="I81" s="19" t="s">
        <v>6</v>
      </c>
    </row>
    <row r="82" spans="2:9" s="5" customFormat="1" ht="13.5" customHeight="1" x14ac:dyDescent="0.2">
      <c r="B82" s="13"/>
      <c r="C82" s="26"/>
      <c r="D82" s="15" t="s">
        <v>205</v>
      </c>
      <c r="E82" s="16" t="s">
        <v>427</v>
      </c>
      <c r="F82" s="17" t="s">
        <v>206</v>
      </c>
      <c r="G82" s="16" t="s">
        <v>207</v>
      </c>
      <c r="H82" s="18" t="s">
        <v>508</v>
      </c>
      <c r="I82" s="19" t="s">
        <v>6</v>
      </c>
    </row>
    <row r="83" spans="2:9" s="5" customFormat="1" ht="13.5" customHeight="1" x14ac:dyDescent="0.2">
      <c r="B83" s="13"/>
      <c r="C83" s="26"/>
      <c r="D83" s="15" t="s">
        <v>208</v>
      </c>
      <c r="E83" s="16" t="s">
        <v>381</v>
      </c>
      <c r="F83" s="17" t="s">
        <v>206</v>
      </c>
      <c r="G83" s="16" t="s">
        <v>209</v>
      </c>
      <c r="H83" s="18" t="s">
        <v>509</v>
      </c>
      <c r="I83" s="19" t="s">
        <v>6</v>
      </c>
    </row>
    <row r="84" spans="2:9" s="5" customFormat="1" ht="13.5" customHeight="1" x14ac:dyDescent="0.2">
      <c r="B84" s="13"/>
      <c r="C84" s="26"/>
      <c r="D84" s="15" t="s">
        <v>210</v>
      </c>
      <c r="E84" s="16" t="s">
        <v>382</v>
      </c>
      <c r="F84" s="17" t="s">
        <v>211</v>
      </c>
      <c r="G84" s="16" t="s">
        <v>212</v>
      </c>
      <c r="H84" s="18" t="s">
        <v>510</v>
      </c>
      <c r="I84" s="19" t="s">
        <v>6</v>
      </c>
    </row>
    <row r="85" spans="2:9" s="5" customFormat="1" ht="13.5" customHeight="1" x14ac:dyDescent="0.2">
      <c r="B85" s="13"/>
      <c r="C85" s="26"/>
      <c r="D85" s="15" t="s">
        <v>213</v>
      </c>
      <c r="E85" s="16" t="s">
        <v>383</v>
      </c>
      <c r="F85" s="17" t="s">
        <v>214</v>
      </c>
      <c r="G85" s="16" t="s">
        <v>215</v>
      </c>
      <c r="H85" s="18" t="s">
        <v>511</v>
      </c>
      <c r="I85" s="19" t="s">
        <v>6</v>
      </c>
    </row>
    <row r="86" spans="2:9" s="5" customFormat="1" ht="13.5" customHeight="1" x14ac:dyDescent="0.2">
      <c r="B86" s="13"/>
      <c r="C86" s="26"/>
      <c r="D86" s="15" t="s">
        <v>216</v>
      </c>
      <c r="E86" s="16" t="s">
        <v>428</v>
      </c>
      <c r="F86" s="17" t="s">
        <v>217</v>
      </c>
      <c r="G86" s="16" t="s">
        <v>218</v>
      </c>
      <c r="H86" s="18" t="s">
        <v>512</v>
      </c>
      <c r="I86" s="19" t="s">
        <v>6</v>
      </c>
    </row>
    <row r="87" spans="2:9" s="5" customFormat="1" ht="13.5" customHeight="1" x14ac:dyDescent="0.2">
      <c r="B87" s="13"/>
      <c r="C87" s="26"/>
      <c r="D87" s="15" t="s">
        <v>219</v>
      </c>
      <c r="E87" s="16" t="s">
        <v>429</v>
      </c>
      <c r="F87" s="17" t="s">
        <v>578</v>
      </c>
      <c r="G87" s="16" t="s">
        <v>220</v>
      </c>
      <c r="H87" s="18" t="s">
        <v>513</v>
      </c>
      <c r="I87" s="19" t="s">
        <v>6</v>
      </c>
    </row>
    <row r="88" spans="2:9" s="5" customFormat="1" ht="13.5" customHeight="1" x14ac:dyDescent="0.2">
      <c r="B88" s="13"/>
      <c r="C88" s="20"/>
      <c r="D88" s="21" t="s">
        <v>221</v>
      </c>
      <c r="E88" s="22" t="s">
        <v>430</v>
      </c>
      <c r="F88" s="23" t="s">
        <v>384</v>
      </c>
      <c r="G88" s="22" t="s">
        <v>222</v>
      </c>
      <c r="H88" s="20" t="s">
        <v>514</v>
      </c>
      <c r="I88" s="24" t="s">
        <v>6</v>
      </c>
    </row>
    <row r="89" spans="2:9" s="5" customFormat="1" ht="13.5" customHeight="1" x14ac:dyDescent="0.2">
      <c r="B89" s="13"/>
      <c r="C89" s="26" t="s">
        <v>223</v>
      </c>
      <c r="D89" s="27" t="s">
        <v>224</v>
      </c>
      <c r="E89" s="28" t="s">
        <v>385</v>
      </c>
      <c r="F89" s="29" t="s">
        <v>225</v>
      </c>
      <c r="G89" s="28" t="s">
        <v>226</v>
      </c>
      <c r="H89" s="26" t="s">
        <v>515</v>
      </c>
      <c r="I89" s="30" t="s">
        <v>6</v>
      </c>
    </row>
    <row r="90" spans="2:9" s="5" customFormat="1" ht="13.5" customHeight="1" x14ac:dyDescent="0.2">
      <c r="B90" s="13"/>
      <c r="C90" s="26" t="s">
        <v>0</v>
      </c>
      <c r="D90" s="15" t="s">
        <v>227</v>
      </c>
      <c r="E90" s="16" t="s">
        <v>386</v>
      </c>
      <c r="F90" s="17" t="s">
        <v>228</v>
      </c>
      <c r="G90" s="16" t="s">
        <v>229</v>
      </c>
      <c r="H90" s="18" t="s">
        <v>516</v>
      </c>
      <c r="I90" s="19" t="s">
        <v>6</v>
      </c>
    </row>
    <row r="91" spans="2:9" s="5" customFormat="1" ht="13.5" customHeight="1" x14ac:dyDescent="0.2">
      <c r="B91" s="13"/>
      <c r="C91" s="26"/>
      <c r="D91" s="15" t="s">
        <v>230</v>
      </c>
      <c r="E91" s="16" t="s">
        <v>387</v>
      </c>
      <c r="F91" s="17" t="s">
        <v>225</v>
      </c>
      <c r="G91" s="16" t="s">
        <v>231</v>
      </c>
      <c r="H91" s="18" t="s">
        <v>517</v>
      </c>
      <c r="I91" s="19" t="s">
        <v>6</v>
      </c>
    </row>
    <row r="92" spans="2:9" s="5" customFormat="1" ht="13.5" customHeight="1" x14ac:dyDescent="0.2">
      <c r="B92" s="13"/>
      <c r="C92" s="26"/>
      <c r="D92" s="15" t="s">
        <v>232</v>
      </c>
      <c r="E92" s="16" t="s">
        <v>388</v>
      </c>
      <c r="F92" s="17" t="s">
        <v>233</v>
      </c>
      <c r="G92" s="16" t="s">
        <v>234</v>
      </c>
      <c r="H92" s="18" t="s">
        <v>518</v>
      </c>
      <c r="I92" s="19" t="s">
        <v>6</v>
      </c>
    </row>
    <row r="93" spans="2:9" s="5" customFormat="1" ht="13.5" customHeight="1" x14ac:dyDescent="0.2">
      <c r="B93" s="13"/>
      <c r="C93" s="26"/>
      <c r="D93" s="15" t="s">
        <v>235</v>
      </c>
      <c r="E93" s="16" t="s">
        <v>389</v>
      </c>
      <c r="F93" s="17" t="s">
        <v>236</v>
      </c>
      <c r="G93" s="16" t="s">
        <v>237</v>
      </c>
      <c r="H93" s="18" t="s">
        <v>519</v>
      </c>
      <c r="I93" s="19" t="s">
        <v>6</v>
      </c>
    </row>
    <row r="94" spans="2:9" s="5" customFormat="1" ht="13.5" customHeight="1" x14ac:dyDescent="0.2">
      <c r="B94" s="13"/>
      <c r="C94" s="26"/>
      <c r="D94" s="15" t="s">
        <v>238</v>
      </c>
      <c r="E94" s="16" t="s">
        <v>239</v>
      </c>
      <c r="F94" s="17" t="s">
        <v>240</v>
      </c>
      <c r="G94" s="16" t="s">
        <v>241</v>
      </c>
      <c r="H94" s="18" t="s">
        <v>520</v>
      </c>
      <c r="I94" s="19" t="s">
        <v>6</v>
      </c>
    </row>
    <row r="95" spans="2:9" s="5" customFormat="1" ht="13.5" customHeight="1" x14ac:dyDescent="0.2">
      <c r="B95" s="13"/>
      <c r="C95" s="26"/>
      <c r="D95" s="15" t="s">
        <v>242</v>
      </c>
      <c r="E95" s="16" t="s">
        <v>243</v>
      </c>
      <c r="F95" s="17" t="s">
        <v>244</v>
      </c>
      <c r="G95" s="16" t="s">
        <v>245</v>
      </c>
      <c r="H95" s="18" t="s">
        <v>521</v>
      </c>
      <c r="I95" s="19" t="s">
        <v>6</v>
      </c>
    </row>
    <row r="96" spans="2:9" s="5" customFormat="1" ht="13.5" customHeight="1" x14ac:dyDescent="0.2">
      <c r="B96" s="13"/>
      <c r="C96" s="26"/>
      <c r="D96" s="15" t="s">
        <v>246</v>
      </c>
      <c r="E96" s="16" t="s">
        <v>247</v>
      </c>
      <c r="F96" s="17" t="s">
        <v>244</v>
      </c>
      <c r="G96" s="16" t="s">
        <v>248</v>
      </c>
      <c r="H96" s="18" t="s">
        <v>522</v>
      </c>
      <c r="I96" s="19" t="s">
        <v>6</v>
      </c>
    </row>
    <row r="97" spans="2:9" s="5" customFormat="1" ht="13.5" customHeight="1" x14ac:dyDescent="0.2">
      <c r="B97" s="13"/>
      <c r="C97" s="26"/>
      <c r="D97" s="15" t="s">
        <v>249</v>
      </c>
      <c r="E97" s="16" t="s">
        <v>250</v>
      </c>
      <c r="F97" s="17" t="s">
        <v>251</v>
      </c>
      <c r="G97" s="16" t="s">
        <v>252</v>
      </c>
      <c r="H97" s="18" t="s">
        <v>523</v>
      </c>
      <c r="I97" s="19" t="s">
        <v>6</v>
      </c>
    </row>
    <row r="98" spans="2:9" s="5" customFormat="1" ht="13.5" customHeight="1" x14ac:dyDescent="0.2">
      <c r="B98" s="13"/>
      <c r="C98" s="26"/>
      <c r="D98" s="15" t="s">
        <v>253</v>
      </c>
      <c r="E98" s="16" t="s">
        <v>390</v>
      </c>
      <c r="F98" s="17" t="s">
        <v>254</v>
      </c>
      <c r="G98" s="16" t="s">
        <v>255</v>
      </c>
      <c r="H98" s="18" t="s">
        <v>524</v>
      </c>
      <c r="I98" s="19" t="s">
        <v>6</v>
      </c>
    </row>
    <row r="99" spans="2:9" s="5" customFormat="1" ht="13.5" customHeight="1" x14ac:dyDescent="0.2">
      <c r="B99" s="13"/>
      <c r="C99" s="26"/>
      <c r="D99" s="15" t="s">
        <v>256</v>
      </c>
      <c r="E99" s="16" t="s">
        <v>562</v>
      </c>
      <c r="F99" s="17" t="s">
        <v>257</v>
      </c>
      <c r="G99" s="16" t="s">
        <v>258</v>
      </c>
      <c r="H99" s="18" t="s">
        <v>579</v>
      </c>
      <c r="I99" s="19" t="s">
        <v>6</v>
      </c>
    </row>
    <row r="100" spans="2:9" s="5" customFormat="1" ht="13.5" customHeight="1" x14ac:dyDescent="0.2">
      <c r="B100" s="13"/>
      <c r="C100" s="26"/>
      <c r="D100" s="15" t="s">
        <v>259</v>
      </c>
      <c r="E100" s="16" t="s">
        <v>391</v>
      </c>
      <c r="F100" s="17" t="s">
        <v>260</v>
      </c>
      <c r="G100" s="16" t="s">
        <v>261</v>
      </c>
      <c r="H100" s="18" t="s">
        <v>525</v>
      </c>
      <c r="I100" s="19" t="s">
        <v>6</v>
      </c>
    </row>
    <row r="101" spans="2:9" s="5" customFormat="1" ht="13.5" customHeight="1" x14ac:dyDescent="0.2">
      <c r="B101" s="13"/>
      <c r="C101" s="26"/>
      <c r="D101" s="15" t="s">
        <v>262</v>
      </c>
      <c r="E101" s="16" t="s">
        <v>392</v>
      </c>
      <c r="F101" s="17" t="s">
        <v>263</v>
      </c>
      <c r="G101" s="16" t="s">
        <v>264</v>
      </c>
      <c r="H101" s="18" t="s">
        <v>526</v>
      </c>
      <c r="I101" s="19" t="s">
        <v>6</v>
      </c>
    </row>
    <row r="102" spans="2:9" s="5" customFormat="1" ht="13.5" customHeight="1" x14ac:dyDescent="0.2">
      <c r="B102" s="13"/>
      <c r="C102" s="26"/>
      <c r="D102" s="27" t="s">
        <v>265</v>
      </c>
      <c r="E102" s="28" t="s">
        <v>393</v>
      </c>
      <c r="F102" s="29" t="s">
        <v>266</v>
      </c>
      <c r="G102" s="28" t="s">
        <v>267</v>
      </c>
      <c r="H102" s="26" t="s">
        <v>527</v>
      </c>
      <c r="I102" s="30" t="s">
        <v>6</v>
      </c>
    </row>
    <row r="103" spans="2:9" s="5" customFormat="1" ht="13.5" customHeight="1" x14ac:dyDescent="0.2">
      <c r="B103" s="13"/>
      <c r="C103" s="11" t="s">
        <v>268</v>
      </c>
      <c r="D103" s="8" t="s">
        <v>269</v>
      </c>
      <c r="E103" s="9" t="s">
        <v>394</v>
      </c>
      <c r="F103" s="10" t="s">
        <v>270</v>
      </c>
      <c r="G103" s="9" t="s">
        <v>271</v>
      </c>
      <c r="H103" s="11" t="s">
        <v>528</v>
      </c>
      <c r="I103" s="12" t="s">
        <v>6</v>
      </c>
    </row>
    <row r="104" spans="2:9" s="5" customFormat="1" ht="13.5" customHeight="1" x14ac:dyDescent="0.2">
      <c r="B104" s="13"/>
      <c r="C104" s="26" t="s">
        <v>325</v>
      </c>
      <c r="D104" s="15" t="s">
        <v>272</v>
      </c>
      <c r="E104" s="16" t="s">
        <v>395</v>
      </c>
      <c r="F104" s="17" t="s">
        <v>273</v>
      </c>
      <c r="G104" s="16" t="s">
        <v>274</v>
      </c>
      <c r="H104" s="18" t="s">
        <v>529</v>
      </c>
      <c r="I104" s="19" t="s">
        <v>6</v>
      </c>
    </row>
    <row r="105" spans="2:9" s="5" customFormat="1" ht="13.5" customHeight="1" x14ac:dyDescent="0.2">
      <c r="B105" s="13"/>
      <c r="C105" s="26"/>
      <c r="D105" s="15" t="s">
        <v>275</v>
      </c>
      <c r="E105" s="16" t="s">
        <v>396</v>
      </c>
      <c r="F105" s="17" t="s">
        <v>276</v>
      </c>
      <c r="G105" s="16" t="s">
        <v>558</v>
      </c>
      <c r="H105" s="18" t="s">
        <v>530</v>
      </c>
      <c r="I105" s="19" t="s">
        <v>6</v>
      </c>
    </row>
    <row r="106" spans="2:9" s="5" customFormat="1" ht="13.5" customHeight="1" x14ac:dyDescent="0.2">
      <c r="B106" s="13"/>
      <c r="C106" s="26"/>
      <c r="D106" s="15" t="s">
        <v>277</v>
      </c>
      <c r="E106" s="16" t="s">
        <v>397</v>
      </c>
      <c r="F106" s="17" t="s">
        <v>278</v>
      </c>
      <c r="G106" s="16" t="s">
        <v>279</v>
      </c>
      <c r="H106" s="18" t="s">
        <v>531</v>
      </c>
      <c r="I106" s="19" t="s">
        <v>6</v>
      </c>
    </row>
    <row r="107" spans="2:9" s="5" customFormat="1" ht="13.5" customHeight="1" x14ac:dyDescent="0.2">
      <c r="B107" s="13"/>
      <c r="C107" s="26"/>
      <c r="D107" s="15" t="s">
        <v>280</v>
      </c>
      <c r="E107" s="16" t="s">
        <v>281</v>
      </c>
      <c r="F107" s="17" t="s">
        <v>282</v>
      </c>
      <c r="G107" s="16" t="s">
        <v>283</v>
      </c>
      <c r="H107" s="18" t="s">
        <v>532</v>
      </c>
      <c r="I107" s="19" t="s">
        <v>6</v>
      </c>
    </row>
    <row r="108" spans="2:9" s="5" customFormat="1" ht="13.5" customHeight="1" x14ac:dyDescent="0.2">
      <c r="B108" s="13"/>
      <c r="C108" s="26"/>
      <c r="D108" s="15" t="s">
        <v>284</v>
      </c>
      <c r="E108" s="16" t="s">
        <v>398</v>
      </c>
      <c r="F108" s="17" t="s">
        <v>285</v>
      </c>
      <c r="G108" s="16" t="s">
        <v>286</v>
      </c>
      <c r="H108" s="18" t="s">
        <v>533</v>
      </c>
      <c r="I108" s="19" t="s">
        <v>6</v>
      </c>
    </row>
    <row r="109" spans="2:9" s="5" customFormat="1" ht="13.5" customHeight="1" x14ac:dyDescent="0.2">
      <c r="B109" s="13"/>
      <c r="C109" s="26"/>
      <c r="D109" s="15" t="s">
        <v>287</v>
      </c>
      <c r="E109" s="16" t="s">
        <v>399</v>
      </c>
      <c r="F109" s="17" t="s">
        <v>288</v>
      </c>
      <c r="G109" s="16" t="s">
        <v>289</v>
      </c>
      <c r="H109" s="18" t="s">
        <v>534</v>
      </c>
      <c r="I109" s="19" t="s">
        <v>6</v>
      </c>
    </row>
    <row r="110" spans="2:9" s="5" customFormat="1" ht="13.5" customHeight="1" x14ac:dyDescent="0.2">
      <c r="B110" s="13"/>
      <c r="C110" s="26"/>
      <c r="D110" s="15" t="s">
        <v>290</v>
      </c>
      <c r="E110" s="16" t="s">
        <v>291</v>
      </c>
      <c r="F110" s="17" t="s">
        <v>292</v>
      </c>
      <c r="G110" s="16" t="s">
        <v>293</v>
      </c>
      <c r="H110" s="18" t="s">
        <v>535</v>
      </c>
      <c r="I110" s="19" t="s">
        <v>6</v>
      </c>
    </row>
    <row r="111" spans="2:9" s="5" customFormat="1" ht="13.5" customHeight="1" x14ac:dyDescent="0.2">
      <c r="B111" s="13"/>
      <c r="C111" s="26"/>
      <c r="D111" s="15" t="s">
        <v>301</v>
      </c>
      <c r="E111" s="16" t="s">
        <v>302</v>
      </c>
      <c r="F111" s="17" t="s">
        <v>292</v>
      </c>
      <c r="G111" s="16" t="s">
        <v>303</v>
      </c>
      <c r="H111" s="18" t="s">
        <v>538</v>
      </c>
      <c r="I111" s="19" t="s">
        <v>6</v>
      </c>
    </row>
    <row r="112" spans="2:9" s="5" customFormat="1" ht="13.5" customHeight="1" x14ac:dyDescent="0.2">
      <c r="B112" s="13"/>
      <c r="C112" s="26"/>
      <c r="D112" s="15" t="s">
        <v>294</v>
      </c>
      <c r="E112" s="16" t="s">
        <v>295</v>
      </c>
      <c r="F112" s="17" t="s">
        <v>296</v>
      </c>
      <c r="G112" s="16" t="s">
        <v>297</v>
      </c>
      <c r="H112" s="18" t="s">
        <v>536</v>
      </c>
      <c r="I112" s="19" t="s">
        <v>6</v>
      </c>
    </row>
    <row r="113" spans="2:9" s="5" customFormat="1" ht="13.5" customHeight="1" x14ac:dyDescent="0.2">
      <c r="B113" s="13"/>
      <c r="C113" s="26"/>
      <c r="D113" s="15" t="s">
        <v>298</v>
      </c>
      <c r="E113" s="16" t="s">
        <v>299</v>
      </c>
      <c r="F113" s="17" t="s">
        <v>300</v>
      </c>
      <c r="G113" s="16" t="s">
        <v>559</v>
      </c>
      <c r="H113" s="18" t="s">
        <v>537</v>
      </c>
      <c r="I113" s="19" t="s">
        <v>6</v>
      </c>
    </row>
    <row r="114" spans="2:9" s="5" customFormat="1" ht="13.5" customHeight="1" x14ac:dyDescent="0.2">
      <c r="B114" s="13"/>
      <c r="C114" s="26"/>
      <c r="D114" s="15" t="s">
        <v>304</v>
      </c>
      <c r="E114" s="16" t="s">
        <v>400</v>
      </c>
      <c r="F114" s="17" t="s">
        <v>305</v>
      </c>
      <c r="G114" s="16" t="s">
        <v>306</v>
      </c>
      <c r="H114" s="18" t="s">
        <v>539</v>
      </c>
      <c r="I114" s="19" t="s">
        <v>6</v>
      </c>
    </row>
    <row r="115" spans="2:9" s="5" customFormat="1" ht="13.5" customHeight="1" x14ac:dyDescent="0.2">
      <c r="B115" s="13"/>
      <c r="C115" s="26"/>
      <c r="D115" s="15" t="s">
        <v>307</v>
      </c>
      <c r="E115" s="16" t="s">
        <v>401</v>
      </c>
      <c r="F115" s="17" t="s">
        <v>308</v>
      </c>
      <c r="G115" s="16" t="s">
        <v>309</v>
      </c>
      <c r="H115" s="18" t="s">
        <v>540</v>
      </c>
      <c r="I115" s="19" t="s">
        <v>6</v>
      </c>
    </row>
    <row r="116" spans="2:9" s="5" customFormat="1" ht="13.5" customHeight="1" x14ac:dyDescent="0.2">
      <c r="B116" s="13"/>
      <c r="C116" s="26"/>
      <c r="D116" s="15" t="s">
        <v>310</v>
      </c>
      <c r="E116" s="16" t="s">
        <v>402</v>
      </c>
      <c r="F116" s="17" t="s">
        <v>305</v>
      </c>
      <c r="G116" s="16" t="s">
        <v>311</v>
      </c>
      <c r="H116" s="18" t="s">
        <v>541</v>
      </c>
      <c r="I116" s="19" t="s">
        <v>6</v>
      </c>
    </row>
    <row r="117" spans="2:9" s="5" customFormat="1" ht="13.5" customHeight="1" x14ac:dyDescent="0.2">
      <c r="B117" s="13"/>
      <c r="C117" s="26"/>
      <c r="D117" s="15" t="s">
        <v>312</v>
      </c>
      <c r="E117" s="16" t="s">
        <v>403</v>
      </c>
      <c r="F117" s="17" t="s">
        <v>313</v>
      </c>
      <c r="G117" s="16" t="s">
        <v>314</v>
      </c>
      <c r="H117" s="18" t="s">
        <v>542</v>
      </c>
      <c r="I117" s="19" t="s">
        <v>6</v>
      </c>
    </row>
    <row r="118" spans="2:9" s="5" customFormat="1" ht="13.5" customHeight="1" thickBot="1" x14ac:dyDescent="0.25">
      <c r="B118" s="38"/>
      <c r="C118" s="39"/>
      <c r="D118" s="40" t="s">
        <v>315</v>
      </c>
      <c r="E118" s="41" t="s">
        <v>316</v>
      </c>
      <c r="F118" s="42" t="s">
        <v>404</v>
      </c>
      <c r="G118" s="41" t="s">
        <v>317</v>
      </c>
      <c r="H118" s="39" t="s">
        <v>543</v>
      </c>
      <c r="I118" s="43" t="s">
        <v>6</v>
      </c>
    </row>
  </sheetData>
  <mergeCells count="2">
    <mergeCell ref="B4:C4"/>
    <mergeCell ref="H3:I3"/>
  </mergeCells>
  <phoneticPr fontId="1"/>
  <pageMargins left="0.78740157480314965" right="0.78740157480314965" top="0.59055118110236227" bottom="0.59055118110236227" header="0" footer="0"/>
  <pageSetup paperSize="9" scale="60" fitToHeight="0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小学校（川崎市）</vt:lpstr>
      <vt:lpstr>'小学校（川崎市）'!Print_Area</vt:lpstr>
      <vt:lpstr>'小学校（川崎市）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神奈川県教育委員会</cp:lastModifiedBy>
  <cp:lastPrinted>2023-01-27T07:04:39Z</cp:lastPrinted>
  <dcterms:created xsi:type="dcterms:W3CDTF">2009-12-22T05:22:22Z</dcterms:created>
  <dcterms:modified xsi:type="dcterms:W3CDTF">2024-03-26T06:25:22Z</dcterms:modified>
</cp:coreProperties>
</file>